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s-P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67" d="100"/>
          <a:sy n="67" d="100"/>
        </p:scale>
        <p:origin x="72" y="29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D0F38CF-FAC5-C3C6-4412-A034360B78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B85CC69E-9AE5-E316-7A78-FBD6FD5EBA0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/>
              <a:t>Haga clic para modificar el estilo de subtítulo del patrón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A8316FFD-9207-3AEC-5385-6A1138B75B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3FC4BFB6-E881-985B-464E-393532AF8D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2E24AC92-975C-94DE-B5A1-603A262FEE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5106065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023A51C-E14A-90F2-CC00-C93223D4D1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08AC676A-E776-AEF7-1658-E381D9576CD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4BF45330-183A-F2D0-7B6A-054E55C075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DE5D04FE-09C5-18D1-7AB0-A98493C3BD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4D7779B2-1420-97D8-02A4-3BBDD4A7CE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34396440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>
            <a:extLst>
              <a:ext uri="{FF2B5EF4-FFF2-40B4-BE49-F238E27FC236}">
                <a16:creationId xmlns:a16="http://schemas.microsoft.com/office/drawing/2014/main" id="{E4344E2F-F3DC-D860-CDA6-AF13EC3FCFF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9F1904C4-8993-8A2A-4105-1B384E4E75D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604424E0-F466-440D-D6EE-4E4AE98E7E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42564B76-2186-B52B-510D-E31A84FB2B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827ECF1D-EB2A-08B0-AE5C-625BCB6D36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419737999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91016DDA-F28C-5EAB-279C-371A18EB60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D3B1B659-8FCD-A8A7-4602-21E6E720B8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277A1606-7A4F-162A-4786-1EE26EC1DE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A9BA0016-350A-C565-03E5-7DADA7FE7D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3FC3E578-6DC7-65E2-88C2-88A1BC1216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3564687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D403AB58-3AC6-D1F4-A7E2-75E8840522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66DB420C-3C54-CF47-E953-5FA7ADE2C32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2E3A8198-5A95-F19A-9DCC-2113A7B3C2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51988C4F-4371-6F1E-9CD5-8DCD996D32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A22CEA58-8778-E122-18F7-2C01034C59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159649009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16668B2C-5797-32AD-CD78-46C87A72A2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2D953C21-3E0A-D17D-F428-A2F08A30F4E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7193F8DA-9EB9-4E36-3B6D-D70D5A01EDF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3308FF43-D416-5BBF-A6CE-0B99D1F2EF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B9E8D58F-E8E7-C86F-FFA9-F66C0A4AE3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948D1068-C16D-1E50-00BA-BC71F64403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11686427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F8EE6B15-2840-3431-2BFA-4FF8B28B4D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83FA1983-026D-B011-25AB-BD195F80A21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821ADB12-2B88-1F70-4588-3957B3AA78E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5" name="Marcador de texto 4">
            <a:extLst>
              <a:ext uri="{FF2B5EF4-FFF2-40B4-BE49-F238E27FC236}">
                <a16:creationId xmlns:a16="http://schemas.microsoft.com/office/drawing/2014/main" id="{A58C171D-34D5-AEE3-4653-CD104C1C848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6" name="Marcador de contenido 5">
            <a:extLst>
              <a:ext uri="{FF2B5EF4-FFF2-40B4-BE49-F238E27FC236}">
                <a16:creationId xmlns:a16="http://schemas.microsoft.com/office/drawing/2014/main" id="{41E13EF4-66DF-2188-115E-449ABC04527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7" name="Marcador de fecha 6">
            <a:extLst>
              <a:ext uri="{FF2B5EF4-FFF2-40B4-BE49-F238E27FC236}">
                <a16:creationId xmlns:a16="http://schemas.microsoft.com/office/drawing/2014/main" id="{5D85B589-75BC-7421-A722-31BDC9246E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8" name="Marcador de pie de página 7">
            <a:extLst>
              <a:ext uri="{FF2B5EF4-FFF2-40B4-BE49-F238E27FC236}">
                <a16:creationId xmlns:a16="http://schemas.microsoft.com/office/drawing/2014/main" id="{00E6EA1F-4621-7B36-EB10-4D7C32B4E1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9" name="Marcador de número de diapositiva 8">
            <a:extLst>
              <a:ext uri="{FF2B5EF4-FFF2-40B4-BE49-F238E27FC236}">
                <a16:creationId xmlns:a16="http://schemas.microsoft.com/office/drawing/2014/main" id="{A4C65261-8D64-DAC7-8E39-C7548DB87B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7387745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67F8BD2B-F06E-FB3F-5CF9-1AF9665A10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fecha 2">
            <a:extLst>
              <a:ext uri="{FF2B5EF4-FFF2-40B4-BE49-F238E27FC236}">
                <a16:creationId xmlns:a16="http://schemas.microsoft.com/office/drawing/2014/main" id="{582DF1D0-416D-BF8B-0C41-BB1ACFA369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4" name="Marcador de pie de página 3">
            <a:extLst>
              <a:ext uri="{FF2B5EF4-FFF2-40B4-BE49-F238E27FC236}">
                <a16:creationId xmlns:a16="http://schemas.microsoft.com/office/drawing/2014/main" id="{34A0DD05-8A14-1013-59BF-3E72CE05CF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5" name="Marcador de número de diapositiva 4">
            <a:extLst>
              <a:ext uri="{FF2B5EF4-FFF2-40B4-BE49-F238E27FC236}">
                <a16:creationId xmlns:a16="http://schemas.microsoft.com/office/drawing/2014/main" id="{666A8A90-285F-12FE-6E94-8C4D4BA9F3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084145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fecha 1">
            <a:extLst>
              <a:ext uri="{FF2B5EF4-FFF2-40B4-BE49-F238E27FC236}">
                <a16:creationId xmlns:a16="http://schemas.microsoft.com/office/drawing/2014/main" id="{F592E853-DCC5-AC46-D839-68856901C9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3" name="Marcador de pie de página 2">
            <a:extLst>
              <a:ext uri="{FF2B5EF4-FFF2-40B4-BE49-F238E27FC236}">
                <a16:creationId xmlns:a16="http://schemas.microsoft.com/office/drawing/2014/main" id="{FBFB2E66-4BDA-84D7-C385-16C0F5F416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4" name="Marcador de número de diapositiva 3">
            <a:extLst>
              <a:ext uri="{FF2B5EF4-FFF2-40B4-BE49-F238E27FC236}">
                <a16:creationId xmlns:a16="http://schemas.microsoft.com/office/drawing/2014/main" id="{05BFE623-0944-9253-D5D0-53046EF955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804255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862D3D36-8933-9722-B220-123CD934C1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4C860CF0-6E33-93A4-644B-0786E5F3D4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A5FCE577-3A65-B0B1-4090-AB861B384F2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18A84FF9-E17E-5091-D7A3-B716A4E16E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02D4C6E5-09EA-8CDA-033B-7109852A9C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8113E0C9-54B4-1E60-D417-145EFFACE4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4715018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67F064D8-CFDA-EE33-D89E-BD3E6FF264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posición de imagen 2">
            <a:extLst>
              <a:ext uri="{FF2B5EF4-FFF2-40B4-BE49-F238E27FC236}">
                <a16:creationId xmlns:a16="http://schemas.microsoft.com/office/drawing/2014/main" id="{3B48AB5F-92E0-C9E9-1564-265E5F0B33D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PE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3276A0F5-913A-EFFF-481B-DF7F9924B28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9CD33343-85F8-7E50-CCC5-C3AD88B74E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9C983A27-133D-2888-56A5-E837F1679E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7D5F4D16-3C7B-D231-4A16-87C45CA79D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36322219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>
            <a:extLst>
              <a:ext uri="{FF2B5EF4-FFF2-40B4-BE49-F238E27FC236}">
                <a16:creationId xmlns:a16="http://schemas.microsoft.com/office/drawing/2014/main" id="{5CB98FC7-633A-B119-BEE1-EB6165CDBC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432D238F-3749-26AD-6B0E-1588773E9D2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1210046C-8FF6-2FDE-E2CA-49C7780C885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A4221DA-5815-472F-BEDB-B5F9944710CA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34DEA3EE-1F4B-AEE2-30F8-67D4A113776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9AA055DE-C6CF-5887-0376-152EC83C398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962A926D-16E5-42A7-988D-D2F9CFD68DA5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8856628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P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slideLayout" Target="../slideLayouts/slideLayout7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" name="OTLSHAPE_SL_a990ee44c1194d179ad1360f949f16fa_BackgroundRectangle">
            <a:extLst>
              <a:ext uri="{FF2B5EF4-FFF2-40B4-BE49-F238E27FC236}">
                <a16:creationId xmlns:a16="http://schemas.microsoft.com/office/drawing/2014/main" id="{B44EC4EA-6F89-99F6-5661-C0B8571D60F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417242"/>
            <a:ext cx="11290300" cy="39399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5" name="OTLSHAPE_SL_a965529fdf584e779990613e69d5d286_BackgroundRectangle">
            <a:extLst>
              <a:ext uri="{FF2B5EF4-FFF2-40B4-BE49-F238E27FC236}">
                <a16:creationId xmlns:a16="http://schemas.microsoft.com/office/drawing/2014/main" id="{598F4DD7-47CD-CA11-374A-E9FA547A56E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836638"/>
            <a:ext cx="11290300" cy="401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8" name="OTLSHAPE_SL_4059e1480a1d42df9ccdb361afe6fbae_BackgroundRectangle">
            <a:extLst>
              <a:ext uri="{FF2B5EF4-FFF2-40B4-BE49-F238E27FC236}">
                <a16:creationId xmlns:a16="http://schemas.microsoft.com/office/drawing/2014/main" id="{1E05FC19-CCD1-7CC5-52A0-40B35F3027A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263782"/>
            <a:ext cx="11290300" cy="39399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1" name="OTLSHAPE_SL_d488b39e64f346858f93f9814af5d68f_BackgroundRectangle">
            <a:extLst>
              <a:ext uri="{FF2B5EF4-FFF2-40B4-BE49-F238E27FC236}">
                <a16:creationId xmlns:a16="http://schemas.microsoft.com/office/drawing/2014/main" id="{E9A17A54-2CF8-1DF5-3247-E2BDA5116DD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683178"/>
            <a:ext cx="11290300" cy="39399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0" name="OTLSHAPE_SL2A_9cd3bbf2472949bbb9cbbfbae21e62fb_BackgroundRectangle" hidden="1">
            <a:extLst>
              <a:ext uri="{FF2B5EF4-FFF2-40B4-BE49-F238E27FC236}">
                <a16:creationId xmlns:a16="http://schemas.microsoft.com/office/drawing/2014/main" id="{6DFCA16D-110E-6E8B-9803-C0275262254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324253" y="3417242"/>
            <a:ext cx="9029700" cy="39399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3" name="OTLSHAPE_SL2A_cde4d926aca64b64b8aa66379d68ab75_BackgroundRectangle" hidden="1">
            <a:extLst>
              <a:ext uri="{FF2B5EF4-FFF2-40B4-BE49-F238E27FC236}">
                <a16:creationId xmlns:a16="http://schemas.microsoft.com/office/drawing/2014/main" id="{736EC565-B9E4-5997-7D45-0925D8012E7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324253" y="3836638"/>
            <a:ext cx="9029700" cy="401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6" name="OTLSHAPE_SL2A_26b1f239067f40e092ef45e16bc029ef_BackgroundRectangle" hidden="1">
            <a:extLst>
              <a:ext uri="{FF2B5EF4-FFF2-40B4-BE49-F238E27FC236}">
                <a16:creationId xmlns:a16="http://schemas.microsoft.com/office/drawing/2014/main" id="{879BB5AA-E4E9-E658-F207-5F5F6AA2B90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324253" y="4263782"/>
            <a:ext cx="9029700" cy="39399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9" name="OTLSHAPE_SL2A_415d31a4604c43d4a6b71c03252eca67_BackgroundRectangle" hidden="1">
            <a:extLst>
              <a:ext uri="{FF2B5EF4-FFF2-40B4-BE49-F238E27FC236}">
                <a16:creationId xmlns:a16="http://schemas.microsoft.com/office/drawing/2014/main" id="{D3C200F9-D16A-7269-A113-6BC375D293E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324253" y="4683178"/>
            <a:ext cx="9029700" cy="39399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8B77B2E2-1CED-A632-05DD-873E456C715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b="1">
                <a:solidFill>
                  <a:srgbClr val="A6B727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A2C8676B-62C4-3728-677A-C3B35A822F26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304758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b="1" spc="-44">
                <a:solidFill>
                  <a:srgbClr val="A6B727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32" name="OTLSHAPE_TB_00000000000000000000000000000000_ScaleContainer">
            <a:extLst>
              <a:ext uri="{FF2B5EF4-FFF2-40B4-BE49-F238E27FC236}">
                <a16:creationId xmlns:a16="http://schemas.microsoft.com/office/drawing/2014/main" id="{EA1FDADC-5321-1973-2B2A-E1F5A45A278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451253" y="2995094"/>
            <a:ext cx="8902700" cy="182880"/>
          </a:xfrm>
          <a:prstGeom prst="round2SameRect">
            <a:avLst/>
          </a:prstGeom>
          <a:solidFill>
            <a:srgbClr val="62626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3" name="OTLSHAPE_SL_a990ee44c1194d179ad1360f949f16fa_HeaderRectangle">
            <a:extLst>
              <a:ext uri="{FF2B5EF4-FFF2-40B4-BE49-F238E27FC236}">
                <a16:creationId xmlns:a16="http://schemas.microsoft.com/office/drawing/2014/main" id="{A3B9599C-5809-3289-13A7-C02D11E77196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417242"/>
            <a:ext cx="2273300" cy="393996"/>
          </a:xfrm>
          <a:prstGeom prst="rect">
            <a:avLst/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6" name="OTLSHAPE_SL_a965529fdf584e779990613e69d5d286_HeaderRectangle">
            <a:extLst>
              <a:ext uri="{FF2B5EF4-FFF2-40B4-BE49-F238E27FC236}">
                <a16:creationId xmlns:a16="http://schemas.microsoft.com/office/drawing/2014/main" id="{A84C5012-EA5B-EF59-EF08-FB1F24C2B4C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836638"/>
            <a:ext cx="2273300" cy="401743"/>
          </a:xfrm>
          <a:prstGeom prst="rect">
            <a:avLst/>
          </a:prstGeom>
          <a:solidFill>
            <a:srgbClr val="A6B727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9" name="OTLSHAPE_SL_4059e1480a1d42df9ccdb361afe6fbae_HeaderRectangle">
            <a:extLst>
              <a:ext uri="{FF2B5EF4-FFF2-40B4-BE49-F238E27FC236}">
                <a16:creationId xmlns:a16="http://schemas.microsoft.com/office/drawing/2014/main" id="{57F57779-D667-B132-C11F-FFF48DE4B4D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263782"/>
            <a:ext cx="2273300" cy="393996"/>
          </a:xfrm>
          <a:prstGeom prst="rect">
            <a:avLst/>
          </a:prstGeom>
          <a:solidFill>
            <a:srgbClr val="F692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2" name="OTLSHAPE_SL_d488b39e64f346858f93f9814af5d68f_HeaderRectangle">
            <a:extLst>
              <a:ext uri="{FF2B5EF4-FFF2-40B4-BE49-F238E27FC236}">
                <a16:creationId xmlns:a16="http://schemas.microsoft.com/office/drawing/2014/main" id="{71FAAF85-3D2F-F803-44DB-6DD366D5967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683178"/>
            <a:ext cx="2273300" cy="393996"/>
          </a:xfrm>
          <a:prstGeom prst="rect">
            <a:avLst/>
          </a:prstGeom>
          <a:solidFill>
            <a:srgbClr val="83838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8" name="OTLSHAPE_SL2A_9cd3bbf2472949bbb9cbbfbae21e62fb_HeaderRectangle" hidden="1">
            <a:extLst>
              <a:ext uri="{FF2B5EF4-FFF2-40B4-BE49-F238E27FC236}">
                <a16:creationId xmlns:a16="http://schemas.microsoft.com/office/drawing/2014/main" id="{40239605-1572-011E-963C-C22482E520F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324253" y="3417242"/>
            <a:ext cx="0" cy="0"/>
          </a:xfrm>
          <a:prstGeom prst="rect">
            <a:avLst/>
          </a:prstGeom>
          <a:solidFill>
            <a:srgbClr val="418AB3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1" name="OTLSHAPE_SL2A_cde4d926aca64b64b8aa66379d68ab75_HeaderRectangle" hidden="1">
            <a:extLst>
              <a:ext uri="{FF2B5EF4-FFF2-40B4-BE49-F238E27FC236}">
                <a16:creationId xmlns:a16="http://schemas.microsoft.com/office/drawing/2014/main" id="{98D9EDEC-B95E-20F0-4715-70AE9AC84BE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324253" y="3836638"/>
            <a:ext cx="0" cy="0"/>
          </a:xfrm>
          <a:prstGeom prst="rect">
            <a:avLst/>
          </a:prstGeom>
          <a:solidFill>
            <a:srgbClr val="A6B727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4" name="OTLSHAPE_SL2A_26b1f239067f40e092ef45e16bc029ef_HeaderRectangle" hidden="1">
            <a:extLst>
              <a:ext uri="{FF2B5EF4-FFF2-40B4-BE49-F238E27FC236}">
                <a16:creationId xmlns:a16="http://schemas.microsoft.com/office/drawing/2014/main" id="{FCEC109A-61FA-D723-81AB-A7FBBE50AB5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324253" y="4263782"/>
            <a:ext cx="0" cy="0"/>
          </a:xfrm>
          <a:prstGeom prst="rect">
            <a:avLst/>
          </a:prstGeom>
          <a:solidFill>
            <a:srgbClr val="F69200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7" name="OTLSHAPE_SL2A_415d31a4604c43d4a6b71c03252eca67_HeaderRectangle" hidden="1">
            <a:extLst>
              <a:ext uri="{FF2B5EF4-FFF2-40B4-BE49-F238E27FC236}">
                <a16:creationId xmlns:a16="http://schemas.microsoft.com/office/drawing/2014/main" id="{0B76222B-4D7C-5FDC-4CE9-CF024845A36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324253" y="4683178"/>
            <a:ext cx="0" cy="0"/>
          </a:xfrm>
          <a:prstGeom prst="rect">
            <a:avLst/>
          </a:prstGeom>
          <a:solidFill>
            <a:srgbClr val="838383">
              <a:alpha val="49804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33" name="OTLSHAPE_TB_00000000000000000000000000000000_MiddleScaleContainer">
            <a:extLst>
              <a:ext uri="{FF2B5EF4-FFF2-40B4-BE49-F238E27FC236}">
                <a16:creationId xmlns:a16="http://schemas.microsoft.com/office/drawing/2014/main" id="{2409A9F2-339F-686D-F58F-344E6492A4E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451253" y="3187118"/>
            <a:ext cx="89027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891D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34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6099C31C-2046-55E3-6BFC-8AC31B46AAD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451253" y="2995094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891D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cxnSp>
        <p:nvCxnSpPr>
          <p:cNvPr id="74" name="OTLSHAPE_G_00000000000000000000000000000000_ShapeBelow0">
            <a:extLst>
              <a:ext uri="{FF2B5EF4-FFF2-40B4-BE49-F238E27FC236}">
                <a16:creationId xmlns:a16="http://schemas.microsoft.com/office/drawing/2014/main" id="{1C3DEF40-6444-8471-9A14-43F3088B224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729258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1">
            <a:extLst>
              <a:ext uri="{FF2B5EF4-FFF2-40B4-BE49-F238E27FC236}">
                <a16:creationId xmlns:a16="http://schemas.microsoft.com/office/drawing/2014/main" id="{EB6158E3-E78D-C78B-B172-5C5878FEA25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007267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6" name="OTLSHAPE_G_00000000000000000000000000000000_ShapeBelow2">
            <a:extLst>
              <a:ext uri="{FF2B5EF4-FFF2-40B4-BE49-F238E27FC236}">
                <a16:creationId xmlns:a16="http://schemas.microsoft.com/office/drawing/2014/main" id="{A250B6DC-EDEE-2324-E140-D97098333BF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285276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3">
            <a:extLst>
              <a:ext uri="{FF2B5EF4-FFF2-40B4-BE49-F238E27FC236}">
                <a16:creationId xmlns:a16="http://schemas.microsoft.com/office/drawing/2014/main" id="{3082E9CE-A8FA-5BE9-4D82-CF004D401BA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563285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G_00000000000000000000000000000000_ShapeBelow4">
            <a:extLst>
              <a:ext uri="{FF2B5EF4-FFF2-40B4-BE49-F238E27FC236}">
                <a16:creationId xmlns:a16="http://schemas.microsoft.com/office/drawing/2014/main" id="{9026A21A-7420-E0FD-B18B-69BD99894124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841294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0" name="OTLSHAPE_G_00000000000000000000000000000000_ShapeBelow5">
            <a:extLst>
              <a:ext uri="{FF2B5EF4-FFF2-40B4-BE49-F238E27FC236}">
                <a16:creationId xmlns:a16="http://schemas.microsoft.com/office/drawing/2014/main" id="{6339FD41-DD18-8DD3-A3DC-6A82054D177A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119303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G_00000000000000000000000000000000_ShapeBelow6">
            <a:extLst>
              <a:ext uri="{FF2B5EF4-FFF2-40B4-BE49-F238E27FC236}">
                <a16:creationId xmlns:a16="http://schemas.microsoft.com/office/drawing/2014/main" id="{4301CFF1-AF85-A54D-0738-00006B9FF29A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397312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G_00000000000000000000000000000000_ShapeBelow7">
            <a:extLst>
              <a:ext uri="{FF2B5EF4-FFF2-40B4-BE49-F238E27FC236}">
                <a16:creationId xmlns:a16="http://schemas.microsoft.com/office/drawing/2014/main" id="{A72A0906-F26A-5061-8FAE-79B200273DE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75321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G_00000000000000000000000000000000_ShapeBelow8">
            <a:extLst>
              <a:ext uri="{FF2B5EF4-FFF2-40B4-BE49-F238E27FC236}">
                <a16:creationId xmlns:a16="http://schemas.microsoft.com/office/drawing/2014/main" id="{55D2B170-FE97-3B9C-8DF1-F482941BD0D7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953329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G_00000000000000000000000000000000_ShapeBelow9">
            <a:extLst>
              <a:ext uri="{FF2B5EF4-FFF2-40B4-BE49-F238E27FC236}">
                <a16:creationId xmlns:a16="http://schemas.microsoft.com/office/drawing/2014/main" id="{93BC20DD-E2F5-40A3-C5CB-5A4D6C2D541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231338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G_00000000000000000000000000000000_ShapeBelow10">
            <a:extLst>
              <a:ext uri="{FF2B5EF4-FFF2-40B4-BE49-F238E27FC236}">
                <a16:creationId xmlns:a16="http://schemas.microsoft.com/office/drawing/2014/main" id="{3358A6EF-1FE6-8F0A-4158-657F04C3E986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509347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G_00000000000000000000000000000000_ShapeBelow11">
            <a:extLst>
              <a:ext uri="{FF2B5EF4-FFF2-40B4-BE49-F238E27FC236}">
                <a16:creationId xmlns:a16="http://schemas.microsoft.com/office/drawing/2014/main" id="{70AF6D98-2CBF-C73A-C7F9-E29D7EDAA135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5787356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G_00000000000000000000000000000000_ShapeBelow12">
            <a:extLst>
              <a:ext uri="{FF2B5EF4-FFF2-40B4-BE49-F238E27FC236}">
                <a16:creationId xmlns:a16="http://schemas.microsoft.com/office/drawing/2014/main" id="{1ADD9AD6-2A99-2A77-06C7-5C3974C4C933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065365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G_00000000000000000000000000000000_ShapeBelow13">
            <a:extLst>
              <a:ext uri="{FF2B5EF4-FFF2-40B4-BE49-F238E27FC236}">
                <a16:creationId xmlns:a16="http://schemas.microsoft.com/office/drawing/2014/main" id="{33EE38B7-CFDE-349E-DBDF-82CF601064F9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343374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G_00000000000000000000000000000000_ShapeBelow14">
            <a:extLst>
              <a:ext uri="{FF2B5EF4-FFF2-40B4-BE49-F238E27FC236}">
                <a16:creationId xmlns:a16="http://schemas.microsoft.com/office/drawing/2014/main" id="{F4450D3D-CD16-1B25-9566-2782ABB974E2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621383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G_00000000000000000000000000000000_ShapeBelow15">
            <a:extLst>
              <a:ext uri="{FF2B5EF4-FFF2-40B4-BE49-F238E27FC236}">
                <a16:creationId xmlns:a16="http://schemas.microsoft.com/office/drawing/2014/main" id="{5C003B28-096D-4278-348E-743DE43139F7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899392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G_00000000000000000000000000000000_ShapeBelow16">
            <a:extLst>
              <a:ext uri="{FF2B5EF4-FFF2-40B4-BE49-F238E27FC236}">
                <a16:creationId xmlns:a16="http://schemas.microsoft.com/office/drawing/2014/main" id="{C680A264-06D7-CDF3-8014-AC4D6BCF52F3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7177401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G_00000000000000000000000000000000_ShapeBelow17">
            <a:extLst>
              <a:ext uri="{FF2B5EF4-FFF2-40B4-BE49-F238E27FC236}">
                <a16:creationId xmlns:a16="http://schemas.microsoft.com/office/drawing/2014/main" id="{7A44B9CE-515C-AD1D-D4EA-021743D10F2C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455410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G_00000000000000000000000000000000_ShapeBelow18">
            <a:extLst>
              <a:ext uri="{FF2B5EF4-FFF2-40B4-BE49-F238E27FC236}">
                <a16:creationId xmlns:a16="http://schemas.microsoft.com/office/drawing/2014/main" id="{A7618299-016B-6A64-64F7-367A2B2F50F7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7733419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G_00000000000000000000000000000000_ShapeBelow19">
            <a:extLst>
              <a:ext uri="{FF2B5EF4-FFF2-40B4-BE49-F238E27FC236}">
                <a16:creationId xmlns:a16="http://schemas.microsoft.com/office/drawing/2014/main" id="{87EECCE9-1157-5D8E-5145-478AC039F490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8011428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5" name="OTLSHAPE_G_00000000000000000000000000000000_ShapeBelow20">
            <a:extLst>
              <a:ext uri="{FF2B5EF4-FFF2-40B4-BE49-F238E27FC236}">
                <a16:creationId xmlns:a16="http://schemas.microsoft.com/office/drawing/2014/main" id="{4A4BADBF-99CA-0592-C501-E927D7563EF1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289437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6" name="OTLSHAPE_G_00000000000000000000000000000000_ShapeBelow21">
            <a:extLst>
              <a:ext uri="{FF2B5EF4-FFF2-40B4-BE49-F238E27FC236}">
                <a16:creationId xmlns:a16="http://schemas.microsoft.com/office/drawing/2014/main" id="{40BE0BAA-5978-A29D-9FBD-1BCBC4A06E40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567445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G_00000000000000000000000000000000_ShapeBelow22">
            <a:extLst>
              <a:ext uri="{FF2B5EF4-FFF2-40B4-BE49-F238E27FC236}">
                <a16:creationId xmlns:a16="http://schemas.microsoft.com/office/drawing/2014/main" id="{23922B65-2AC4-2B77-4BDB-31976989F03E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845455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G_00000000000000000000000000000000_ShapeBelow23">
            <a:extLst>
              <a:ext uri="{FF2B5EF4-FFF2-40B4-BE49-F238E27FC236}">
                <a16:creationId xmlns:a16="http://schemas.microsoft.com/office/drawing/2014/main" id="{AFD2464F-5472-D081-8C7F-3EB047F8E988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123463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G_00000000000000000000000000000000_ShapeBelow24">
            <a:extLst>
              <a:ext uri="{FF2B5EF4-FFF2-40B4-BE49-F238E27FC236}">
                <a16:creationId xmlns:a16="http://schemas.microsoft.com/office/drawing/2014/main" id="{72DC0DF7-B63D-1D6E-7D70-E87520E20492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9401472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G_00000000000000000000000000000000_ShapeBelow25">
            <a:extLst>
              <a:ext uri="{FF2B5EF4-FFF2-40B4-BE49-F238E27FC236}">
                <a16:creationId xmlns:a16="http://schemas.microsoft.com/office/drawing/2014/main" id="{85692A4A-ACA8-925F-780C-546B20959DCD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679481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G_00000000000000000000000000000000_ShapeBelow26">
            <a:extLst>
              <a:ext uri="{FF2B5EF4-FFF2-40B4-BE49-F238E27FC236}">
                <a16:creationId xmlns:a16="http://schemas.microsoft.com/office/drawing/2014/main" id="{2F975C03-3B0A-B933-52AB-634603DB3026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9957490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2" name="OTLSHAPE_G_00000000000000000000000000000000_ShapeBelow27">
            <a:extLst>
              <a:ext uri="{FF2B5EF4-FFF2-40B4-BE49-F238E27FC236}">
                <a16:creationId xmlns:a16="http://schemas.microsoft.com/office/drawing/2014/main" id="{A9EF7753-CDD3-D3DB-6555-161D396FAC24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10235499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G_00000000000000000000000000000000_ShapeBelow28">
            <a:extLst>
              <a:ext uri="{FF2B5EF4-FFF2-40B4-BE49-F238E27FC236}">
                <a16:creationId xmlns:a16="http://schemas.microsoft.com/office/drawing/2014/main" id="{73B92A69-90FA-BC75-D08E-307CC3900AA1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10513508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G_00000000000000000000000000000000_ShapeBelow29">
            <a:extLst>
              <a:ext uri="{FF2B5EF4-FFF2-40B4-BE49-F238E27FC236}">
                <a16:creationId xmlns:a16="http://schemas.microsoft.com/office/drawing/2014/main" id="{F5065EBC-3160-3939-4165-4BCB0F5E5E1A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10791516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G_00000000000000000000000000000000_ShapeBelow30">
            <a:extLst>
              <a:ext uri="{FF2B5EF4-FFF2-40B4-BE49-F238E27FC236}">
                <a16:creationId xmlns:a16="http://schemas.microsoft.com/office/drawing/2014/main" id="{ACA2F87F-1B0F-41EE-83BC-20C321F78BFB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11069526" y="3379142"/>
            <a:ext cx="0" cy="1698032"/>
          </a:xfrm>
          <a:prstGeom prst="line">
            <a:avLst/>
          </a:prstGeom>
          <a:ln w="7620" cap="flat" cmpd="sng" algn="ctr">
            <a:solidFill>
              <a:srgbClr val="5E5E5E">
                <a:alpha val="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0" name="OTLSHAPE_SLT_59d21817f45e48b1852f2183a78e3fb8_Shape">
            <a:extLst>
              <a:ext uri="{FF2B5EF4-FFF2-40B4-BE49-F238E27FC236}">
                <a16:creationId xmlns:a16="http://schemas.microsoft.com/office/drawing/2014/main" id="{AD98DBDB-FC0A-98DF-8614-85DED0907FB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451253" y="3463089"/>
            <a:ext cx="1955800" cy="139531"/>
          </a:xfrm>
          <a:prstGeom prst="roundRect">
            <a:avLst>
              <a:gd name="adj" fmla="val 100000"/>
            </a:avLst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99" name="OTLSHAPE_SLT_636e88fccef942deb465bd558956728d_Shape">
            <a:extLst>
              <a:ext uri="{FF2B5EF4-FFF2-40B4-BE49-F238E27FC236}">
                <a16:creationId xmlns:a16="http://schemas.microsoft.com/office/drawing/2014/main" id="{86FE6E3B-5A92-3A88-CCAF-08B6BA2D8964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397315" y="3882485"/>
            <a:ext cx="1955800" cy="139531"/>
          </a:xfrm>
          <a:prstGeom prst="roundRect">
            <a:avLst>
              <a:gd name="adj" fmla="val 100000"/>
            </a:avLst>
          </a:prstGeom>
          <a:solidFill>
            <a:srgbClr val="A6B727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8" name="OTLSHAPE_SLT_c19fccd8a1c24a2b8d2bbe1b7c413f49_Shape">
            <a:extLst>
              <a:ext uri="{FF2B5EF4-FFF2-40B4-BE49-F238E27FC236}">
                <a16:creationId xmlns:a16="http://schemas.microsoft.com/office/drawing/2014/main" id="{2CEB06E6-9448-08AC-64F8-3A5086E1F95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343378" y="4309628"/>
            <a:ext cx="1955800" cy="139531"/>
          </a:xfrm>
          <a:prstGeom prst="roundRect">
            <a:avLst>
              <a:gd name="adj" fmla="val 100000"/>
            </a:avLst>
          </a:prstGeom>
          <a:solidFill>
            <a:srgbClr val="F692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17" name="OTLSHAPE_SLT_efd0ffcfbe6b44ac9aa398405f8ca0e6_Shape">
            <a:extLst>
              <a:ext uri="{FF2B5EF4-FFF2-40B4-BE49-F238E27FC236}">
                <a16:creationId xmlns:a16="http://schemas.microsoft.com/office/drawing/2014/main" id="{4A19FEC3-B8D7-3683-CD45-8A40235FDE7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289440" y="4729025"/>
            <a:ext cx="3060700" cy="139531"/>
          </a:xfrm>
          <a:prstGeom prst="roundRect">
            <a:avLst>
              <a:gd name="adj" fmla="val 100000"/>
            </a:avLst>
          </a:prstGeom>
          <a:solidFill>
            <a:srgbClr val="83838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98" name="OTLSHAPE_TB_00000000000000000000000000000000_ElapsedTime">
            <a:extLst>
              <a:ext uri="{FF2B5EF4-FFF2-40B4-BE49-F238E27FC236}">
                <a16:creationId xmlns:a16="http://schemas.microsoft.com/office/drawing/2014/main" id="{D675A671-0FA8-7154-D61C-EF5C8D738D8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451253" y="2995094"/>
            <a:ext cx="469900" cy="384048"/>
          </a:xfrm>
          <a:prstGeom prst="rect">
            <a:avLst/>
          </a:prstGeom>
          <a:solidFill>
            <a:srgbClr val="FF0000">
              <a:alpha val="3019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91" name="OTLSHAPE_SLT_59d21817f45e48b1852f2183a78e3fb8_ShapePercentage" hidden="1">
            <a:extLst>
              <a:ext uri="{FF2B5EF4-FFF2-40B4-BE49-F238E27FC236}">
                <a16:creationId xmlns:a16="http://schemas.microsoft.com/office/drawing/2014/main" id="{58567DA6-EBE9-64A5-55D9-437578DBCF65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451253" y="3463089"/>
            <a:ext cx="0" cy="139531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0" name="OTLSHAPE_SLT_636e88fccef942deb465bd558956728d_ShapePercentage" hidden="1">
            <a:extLst>
              <a:ext uri="{FF2B5EF4-FFF2-40B4-BE49-F238E27FC236}">
                <a16:creationId xmlns:a16="http://schemas.microsoft.com/office/drawing/2014/main" id="{2C3C6778-CC35-55ED-8DF6-8528B2C6BEA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397315" y="3882485"/>
            <a:ext cx="0" cy="139531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9" name="OTLSHAPE_SLT_c19fccd8a1c24a2b8d2bbe1b7c413f49_ShapePercentage" hidden="1">
            <a:extLst>
              <a:ext uri="{FF2B5EF4-FFF2-40B4-BE49-F238E27FC236}">
                <a16:creationId xmlns:a16="http://schemas.microsoft.com/office/drawing/2014/main" id="{1F388948-5C1A-A8ED-134B-C5DE0C20517C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343378" y="4309628"/>
            <a:ext cx="0" cy="139531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18" name="OTLSHAPE_SLT_efd0ffcfbe6b44ac9aa398405f8ca0e6_ShapePercentage" hidden="1">
            <a:extLst>
              <a:ext uri="{FF2B5EF4-FFF2-40B4-BE49-F238E27FC236}">
                <a16:creationId xmlns:a16="http://schemas.microsoft.com/office/drawing/2014/main" id="{D766BD31-93D2-54E6-7326-D0B0FF116F3A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8289440" y="4729025"/>
            <a:ext cx="0" cy="139531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4" name="OTLSHAPE_SL_a990ee44c1194d179ad1360f949f16fa_Header">
            <a:extLst>
              <a:ext uri="{FF2B5EF4-FFF2-40B4-BE49-F238E27FC236}">
                <a16:creationId xmlns:a16="http://schemas.microsoft.com/office/drawing/2014/main" id="{631B2CBA-48D3-12F7-D41A-0C5F4AD0BF3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3528981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100" dirty="0">
                <a:solidFill>
                  <a:schemeClr val="lt1"/>
                </a:solidFill>
                <a:latin typeface="Calibri" panose="020F0502020204030204" pitchFamily="34" charset="0"/>
              </a:rPr>
              <a:t>Fase de Inicio y Planificación</a:t>
            </a:r>
            <a:endParaRPr lang="es-PE" sz="11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_a965529fdf584e779990613e69d5d286_Header">
            <a:extLst>
              <a:ext uri="{FF2B5EF4-FFF2-40B4-BE49-F238E27FC236}">
                <a16:creationId xmlns:a16="http://schemas.microsoft.com/office/drawing/2014/main" id="{0040CAD9-525B-3370-6D32-259C534728F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3952251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100">
                <a:solidFill>
                  <a:schemeClr val="lt1"/>
                </a:solidFill>
                <a:latin typeface="Calibri" panose="020F0502020204030204" pitchFamily="34" charset="0"/>
              </a:rPr>
              <a:t>Fase de Investigación y Diseño Técnico</a:t>
            </a:r>
            <a:endParaRPr lang="es-PE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_4059e1480a1d42df9ccdb361afe6fbae_Header">
            <a:extLst>
              <a:ext uri="{FF2B5EF4-FFF2-40B4-BE49-F238E27FC236}">
                <a16:creationId xmlns:a16="http://schemas.microsoft.com/office/drawing/2014/main" id="{BE2F6942-5282-8B82-7E8E-2E83D071AE2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4375521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100">
                <a:solidFill>
                  <a:schemeClr val="lt1"/>
                </a:solidFill>
                <a:latin typeface="Calibri" panose="020F0502020204030204" pitchFamily="34" charset="0"/>
              </a:rPr>
              <a:t>Fase de Desarrollo del MVP</a:t>
            </a:r>
            <a:endParaRPr lang="es-PE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_d488b39e64f346858f93f9814af5d68f_Header">
            <a:extLst>
              <a:ext uri="{FF2B5EF4-FFF2-40B4-BE49-F238E27FC236}">
                <a16:creationId xmlns:a16="http://schemas.microsoft.com/office/drawing/2014/main" id="{E2513D54-956D-BCB1-AFC3-32327F520E7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4794917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100" spc="-2">
                <a:solidFill>
                  <a:schemeClr val="lt1"/>
                </a:solidFill>
                <a:latin typeface="Calibri" panose="020F0502020204030204" pitchFamily="34" charset="0"/>
              </a:rPr>
              <a:t>Fase de Pruebas, Ajustes y Entrega Final</a:t>
            </a:r>
            <a:endParaRPr lang="es-PE" sz="11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2A_9cd3bbf2472949bbb9cbbfbae21e62fb_Header" hidden="1">
            <a:extLst>
              <a:ext uri="{FF2B5EF4-FFF2-40B4-BE49-F238E27FC236}">
                <a16:creationId xmlns:a16="http://schemas.microsoft.com/office/drawing/2014/main" id="{9605AC27-9FFD-C555-4E8A-D95756F4F8A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61054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100">
              <a:solidFill>
                <a:srgbClr val="404040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2A_cde4d926aca64b64b8aa66379d68ab75_Header" hidden="1">
            <a:extLst>
              <a:ext uri="{FF2B5EF4-FFF2-40B4-BE49-F238E27FC236}">
                <a16:creationId xmlns:a16="http://schemas.microsoft.com/office/drawing/2014/main" id="{37B6C8A0-3B19-067B-EAAC-09826046BC6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61054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100">
              <a:solidFill>
                <a:srgbClr val="404040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2A_26b1f239067f40e092ef45e16bc029ef_Header" hidden="1">
            <a:extLst>
              <a:ext uri="{FF2B5EF4-FFF2-40B4-BE49-F238E27FC236}">
                <a16:creationId xmlns:a16="http://schemas.microsoft.com/office/drawing/2014/main" id="{E4EFC7CC-C8AF-EE4B-0838-178B16126D5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61054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100">
              <a:solidFill>
                <a:srgbClr val="404040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2A_415d31a4604c43d4a6b71c03252eca67_Header" hidden="1">
            <a:extLst>
              <a:ext uri="{FF2B5EF4-FFF2-40B4-BE49-F238E27FC236}">
                <a16:creationId xmlns:a16="http://schemas.microsoft.com/office/drawing/2014/main" id="{EA98D1D2-9C65-433B-255D-AF87935A9E5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61054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100">
              <a:solidFill>
                <a:srgbClr val="404040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59d21817f45e48b1852f2183a78e3fb8_BaselineShape" hidden="1">
            <a:extLst>
              <a:ext uri="{FF2B5EF4-FFF2-40B4-BE49-F238E27FC236}">
                <a16:creationId xmlns:a16="http://schemas.microsoft.com/office/drawing/2014/main" id="{25889F39-4923-0A8F-5197-896ED45EBCEB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451253" y="356452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1" name="OTLSHAPE_SLT_636e88fccef942deb465bd558956728d_BaselineShape" hidden="1">
            <a:extLst>
              <a:ext uri="{FF2B5EF4-FFF2-40B4-BE49-F238E27FC236}">
                <a16:creationId xmlns:a16="http://schemas.microsoft.com/office/drawing/2014/main" id="{2D1D7994-F56F-6170-8255-D092E9DA570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451253" y="398391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10" name="OTLSHAPE_SLT_c19fccd8a1c24a2b8d2bbe1b7c413f49_BaselineShape" hidden="1">
            <a:extLst>
              <a:ext uri="{FF2B5EF4-FFF2-40B4-BE49-F238E27FC236}">
                <a16:creationId xmlns:a16="http://schemas.microsoft.com/office/drawing/2014/main" id="{9C47261A-0ABF-BECB-6338-EE0AF40A70BD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2451253" y="441105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19" name="OTLSHAPE_SLT_efd0ffcfbe6b44ac9aa398405f8ca0e6_BaselineShape" hidden="1">
            <a:extLst>
              <a:ext uri="{FF2B5EF4-FFF2-40B4-BE49-F238E27FC236}">
                <a16:creationId xmlns:a16="http://schemas.microsoft.com/office/drawing/2014/main" id="{38F97416-042E-08DE-B690-5FD9CB3A1513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2451253" y="4830456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9" name="OTLSHAPE_TB_00000000000000000000000000000000_TodayMarkerShape" hidden="1">
            <a:extLst>
              <a:ext uri="{FF2B5EF4-FFF2-40B4-BE49-F238E27FC236}">
                <a16:creationId xmlns:a16="http://schemas.microsoft.com/office/drawing/2014/main" id="{4631FB96-6BB6-5AD4-2C10-435FF6DBD78A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2886866" y="3379142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8C700F82-63EE-913A-35D6-13BBBB97EB8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3A9DBC8B-6569-0BE8-E369-FA7C9E7D485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502053" y="2993506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14">
                <a:solidFill>
                  <a:srgbClr val="DDDDDD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3" name="OTLSHAPE_TB_00000000000000000000000000000000_TimescaleInterval2">
            <a:extLst>
              <a:ext uri="{FF2B5EF4-FFF2-40B4-BE49-F238E27FC236}">
                <a16:creationId xmlns:a16="http://schemas.microsoft.com/office/drawing/2014/main" id="{21EF8B02-7E7B-5991-F097-B08147AC12E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170106" y="299350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5" name="OTLSHAPE_TB_00000000000000000000000000000000_TimescaleInterval3">
            <a:extLst>
              <a:ext uri="{FF2B5EF4-FFF2-40B4-BE49-F238E27FC236}">
                <a16:creationId xmlns:a16="http://schemas.microsoft.com/office/drawing/2014/main" id="{B39010B7-CAC0-A2F9-6B16-F6695C9D538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116169" y="299350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7" name="OTLSHAPE_TB_00000000000000000000000000000000_TimescaleInterval4">
            <a:extLst>
              <a:ext uri="{FF2B5EF4-FFF2-40B4-BE49-F238E27FC236}">
                <a16:creationId xmlns:a16="http://schemas.microsoft.com/office/drawing/2014/main" id="{B962F21C-2188-D563-E333-B587806CDA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062231" y="299350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9" name="OTLSHAPE_TB_00000000000000000000000000000000_TimescaleInterval5">
            <a:extLst>
              <a:ext uri="{FF2B5EF4-FFF2-40B4-BE49-F238E27FC236}">
                <a16:creationId xmlns:a16="http://schemas.microsoft.com/office/drawing/2014/main" id="{4F4DA4AA-834A-C400-EAFE-F1D397FD3A3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008293" y="299350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93" name="OTLSHAPE_SLT_59d21817f45e48b1852f2183a78e3fb8_StartDate" hidden="1">
            <a:extLst>
              <a:ext uri="{FF2B5EF4-FFF2-40B4-BE49-F238E27FC236}">
                <a16:creationId xmlns:a16="http://schemas.microsoft.com/office/drawing/2014/main" id="{7EC371F7-CFF2-67F8-579C-F1DBA2A1F32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59d21817f45e48b1852f2183a78e3fb8_EndDate" hidden="1">
            <a:extLst>
              <a:ext uri="{FF2B5EF4-FFF2-40B4-BE49-F238E27FC236}">
                <a16:creationId xmlns:a16="http://schemas.microsoft.com/office/drawing/2014/main" id="{ECAAF207-69A3-0F94-69F2-21FF85DF987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59d21817f45e48b1852f2183a78e3fb8_JoinedDate">
            <a:extLst>
              <a:ext uri="{FF2B5EF4-FFF2-40B4-BE49-F238E27FC236}">
                <a16:creationId xmlns:a16="http://schemas.microsoft.com/office/drawing/2014/main" id="{2CD7C14B-42E8-41AA-6A6F-586DF78DBEF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447922" y="345534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 dirty="0">
                <a:solidFill>
                  <a:srgbClr val="5E5E5E"/>
                </a:solidFill>
                <a:latin typeface="Calibri" panose="020F0502020204030204" pitchFamily="34" charset="0"/>
              </a:rPr>
              <a:t>Oct 7 - Oct 13</a:t>
            </a:r>
          </a:p>
        </p:txBody>
      </p:sp>
      <p:sp>
        <p:nvSpPr>
          <p:cNvPr id="96" name="OTLSHAPE_SLT_59d21817f45e48b1852f2183a78e3fb8_Title">
            <a:extLst>
              <a:ext uri="{FF2B5EF4-FFF2-40B4-BE49-F238E27FC236}">
                <a16:creationId xmlns:a16="http://schemas.microsoft.com/office/drawing/2014/main" id="{A59D6F67-A52D-6A77-D1CC-2A46A52D135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451253" y="3602620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Fase de Inicio y Planificación</a:t>
            </a:r>
            <a:endParaRPr lang="es-P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59d21817f45e48b1852f2183a78e3fb8_Duration">
            <a:extLst>
              <a:ext uri="{FF2B5EF4-FFF2-40B4-BE49-F238E27FC236}">
                <a16:creationId xmlns:a16="http://schemas.microsoft.com/office/drawing/2014/main" id="{2F77234A-CDB9-4B29-6894-1809E1EC588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341468" y="3463089"/>
            <a:ext cx="177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900" dirty="0">
                <a:solidFill>
                  <a:schemeClr val="lt1"/>
                </a:solidFill>
                <a:latin typeface="Calibri" panose="020F0502020204030204" pitchFamily="34" charset="0"/>
              </a:rPr>
              <a:t>1 w</a:t>
            </a:r>
          </a:p>
        </p:txBody>
      </p:sp>
      <p:sp>
        <p:nvSpPr>
          <p:cNvPr id="98" name="OTLSHAPE_SLT_59d21817f45e48b1852f2183a78e3fb8_TextPercentage" hidden="1">
            <a:extLst>
              <a:ext uri="{FF2B5EF4-FFF2-40B4-BE49-F238E27FC236}">
                <a16:creationId xmlns:a16="http://schemas.microsoft.com/office/drawing/2014/main" id="{5E11254F-7B64-98FF-82F1-116DE710F65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636e88fccef942deb465bd558956728d_StartDate" hidden="1">
            <a:extLst>
              <a:ext uri="{FF2B5EF4-FFF2-40B4-BE49-F238E27FC236}">
                <a16:creationId xmlns:a16="http://schemas.microsoft.com/office/drawing/2014/main" id="{96140731-DB29-8760-D485-D1C81FF6A34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636e88fccef942deb465bd558956728d_EndDate" hidden="1">
            <a:extLst>
              <a:ext uri="{FF2B5EF4-FFF2-40B4-BE49-F238E27FC236}">
                <a16:creationId xmlns:a16="http://schemas.microsoft.com/office/drawing/2014/main" id="{A64F7F16-1383-4EA1-F16F-FAFD23F8FC0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636e88fccef942deb465bd558956728d_JoinedDate">
            <a:extLst>
              <a:ext uri="{FF2B5EF4-FFF2-40B4-BE49-F238E27FC236}">
                <a16:creationId xmlns:a16="http://schemas.microsoft.com/office/drawing/2014/main" id="{159EDCA8-6257-07ED-D8C2-448D07B0482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393985" y="387473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 dirty="0">
                <a:solidFill>
                  <a:srgbClr val="5E5E5E"/>
                </a:solidFill>
                <a:latin typeface="Calibri" panose="020F0502020204030204" pitchFamily="34" charset="0"/>
              </a:rPr>
              <a:t>Oct 14 - Oct 20</a:t>
            </a:r>
          </a:p>
        </p:txBody>
      </p:sp>
      <p:sp>
        <p:nvSpPr>
          <p:cNvPr id="105" name="OTLSHAPE_SLT_636e88fccef942deb465bd558956728d_Title">
            <a:extLst>
              <a:ext uri="{FF2B5EF4-FFF2-40B4-BE49-F238E27FC236}">
                <a16:creationId xmlns:a16="http://schemas.microsoft.com/office/drawing/2014/main" id="{51662AF0-8BE6-F648-AAE7-C1DF393483D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397315" y="4029763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Fase de Investigación y Diseño Técnico</a:t>
            </a:r>
            <a:endParaRPr lang="es-PE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636e88fccef942deb465bd558956728d_Duration">
            <a:extLst>
              <a:ext uri="{FF2B5EF4-FFF2-40B4-BE49-F238E27FC236}">
                <a16:creationId xmlns:a16="http://schemas.microsoft.com/office/drawing/2014/main" id="{75A10429-A399-0975-8136-7339FE2FB31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287530" y="3882485"/>
            <a:ext cx="177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900" dirty="0">
                <a:solidFill>
                  <a:schemeClr val="lt1"/>
                </a:solidFill>
                <a:latin typeface="Calibri" panose="020F0502020204030204" pitchFamily="34" charset="0"/>
              </a:rPr>
              <a:t>1 w</a:t>
            </a:r>
          </a:p>
        </p:txBody>
      </p:sp>
      <p:sp>
        <p:nvSpPr>
          <p:cNvPr id="107" name="OTLSHAPE_SLT_636e88fccef942deb465bd558956728d_TextPercentage" hidden="1">
            <a:extLst>
              <a:ext uri="{FF2B5EF4-FFF2-40B4-BE49-F238E27FC236}">
                <a16:creationId xmlns:a16="http://schemas.microsoft.com/office/drawing/2014/main" id="{952E152D-82F7-D106-2947-48B198DAEC4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19fccd8a1c24a2b8d2bbe1b7c413f49_StartDate" hidden="1">
            <a:extLst>
              <a:ext uri="{FF2B5EF4-FFF2-40B4-BE49-F238E27FC236}">
                <a16:creationId xmlns:a16="http://schemas.microsoft.com/office/drawing/2014/main" id="{453E6B6C-8D05-BF02-482E-0186E03A95D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c19fccd8a1c24a2b8d2bbe1b7c413f49_EndDate" hidden="1">
            <a:extLst>
              <a:ext uri="{FF2B5EF4-FFF2-40B4-BE49-F238E27FC236}">
                <a16:creationId xmlns:a16="http://schemas.microsoft.com/office/drawing/2014/main" id="{325BC198-F745-792F-D4E6-E32705843CF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19fccd8a1c24a2b8d2bbe1b7c413f49_JoinedDate">
            <a:extLst>
              <a:ext uri="{FF2B5EF4-FFF2-40B4-BE49-F238E27FC236}">
                <a16:creationId xmlns:a16="http://schemas.microsoft.com/office/drawing/2014/main" id="{CC0B512B-F9EB-44BC-9982-6ABA7F9D92D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340047" y="4301882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 dirty="0">
                <a:solidFill>
                  <a:srgbClr val="5E5E5E"/>
                </a:solidFill>
                <a:latin typeface="Calibri" panose="020F0502020204030204" pitchFamily="34" charset="0"/>
              </a:rPr>
              <a:t>Oct 21 - Oct 27</a:t>
            </a:r>
          </a:p>
        </p:txBody>
      </p:sp>
      <p:sp>
        <p:nvSpPr>
          <p:cNvPr id="114" name="OTLSHAPE_SLT_c19fccd8a1c24a2b8d2bbe1b7c413f49_Title">
            <a:extLst>
              <a:ext uri="{FF2B5EF4-FFF2-40B4-BE49-F238E27FC236}">
                <a16:creationId xmlns:a16="http://schemas.microsoft.com/office/drawing/2014/main" id="{7F359F19-8EF0-D715-C18E-5FF7F79D2BF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343378" y="444915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Fase de Desarrollo del MVP</a:t>
            </a:r>
            <a:endParaRPr lang="es-PE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c19fccd8a1c24a2b8d2bbe1b7c413f49_Duration">
            <a:extLst>
              <a:ext uri="{FF2B5EF4-FFF2-40B4-BE49-F238E27FC236}">
                <a16:creationId xmlns:a16="http://schemas.microsoft.com/office/drawing/2014/main" id="{F2066292-9176-C115-3DE0-ED023E999C5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233593" y="4309628"/>
            <a:ext cx="177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900" dirty="0">
                <a:solidFill>
                  <a:schemeClr val="lt1"/>
                </a:solidFill>
                <a:latin typeface="Calibri" panose="020F0502020204030204" pitchFamily="34" charset="0"/>
              </a:rPr>
              <a:t>1 w</a:t>
            </a:r>
          </a:p>
        </p:txBody>
      </p:sp>
      <p:sp>
        <p:nvSpPr>
          <p:cNvPr id="116" name="OTLSHAPE_SLT_c19fccd8a1c24a2b8d2bbe1b7c413f49_TextPercentage" hidden="1">
            <a:extLst>
              <a:ext uri="{FF2B5EF4-FFF2-40B4-BE49-F238E27FC236}">
                <a16:creationId xmlns:a16="http://schemas.microsoft.com/office/drawing/2014/main" id="{DE9A1610-1A7C-7642-51F1-342D0E5730A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efd0ffcfbe6b44ac9aa398405f8ca0e6_StartDate" hidden="1">
            <a:extLst>
              <a:ext uri="{FF2B5EF4-FFF2-40B4-BE49-F238E27FC236}">
                <a16:creationId xmlns:a16="http://schemas.microsoft.com/office/drawing/2014/main" id="{7FA1E307-7578-80D2-05DB-1AEF41E9778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efd0ffcfbe6b44ac9aa398405f8ca0e6_EndDate" hidden="1">
            <a:extLst>
              <a:ext uri="{FF2B5EF4-FFF2-40B4-BE49-F238E27FC236}">
                <a16:creationId xmlns:a16="http://schemas.microsoft.com/office/drawing/2014/main" id="{FD63ED48-F999-238C-719E-3D1F347A05E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efd0ffcfbe6b44ac9aa398405f8ca0e6_JoinedDate">
            <a:extLst>
              <a:ext uri="{FF2B5EF4-FFF2-40B4-BE49-F238E27FC236}">
                <a16:creationId xmlns:a16="http://schemas.microsoft.com/office/drawing/2014/main" id="{B7698DE3-5360-E6B0-85F4-BFC166AE5018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1398145" y="472127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 dirty="0">
                <a:solidFill>
                  <a:srgbClr val="5E5E5E"/>
                </a:solidFill>
                <a:latin typeface="Calibri" panose="020F0502020204030204" pitchFamily="34" charset="0"/>
              </a:rPr>
              <a:t>Oct 28 - Nov 7</a:t>
            </a:r>
          </a:p>
        </p:txBody>
      </p:sp>
      <p:sp>
        <p:nvSpPr>
          <p:cNvPr id="123" name="OTLSHAPE_SLT_efd0ffcfbe6b44ac9aa398405f8ca0e6_Title">
            <a:extLst>
              <a:ext uri="{FF2B5EF4-FFF2-40B4-BE49-F238E27FC236}">
                <a16:creationId xmlns:a16="http://schemas.microsoft.com/office/drawing/2014/main" id="{ABA28C77-0A84-541B-4843-995DBB02873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289440" y="4868556"/>
            <a:ext cx="226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Fase de Pruebas, Ajustes y Entrega Final</a:t>
            </a:r>
            <a:endParaRPr lang="es-PE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efd0ffcfbe6b44ac9aa398405f8ca0e6_Duration">
            <a:extLst>
              <a:ext uri="{FF2B5EF4-FFF2-40B4-BE49-F238E27FC236}">
                <a16:creationId xmlns:a16="http://schemas.microsoft.com/office/drawing/2014/main" id="{02140964-B568-DC21-0EB2-51AB7FA311E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692281" y="4729025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900" dirty="0">
                <a:solidFill>
                  <a:schemeClr val="lt1"/>
                </a:solidFill>
                <a:latin typeface="Calibri" panose="020F0502020204030204" pitchFamily="34" charset="0"/>
              </a:rPr>
              <a:t>1.8 w</a:t>
            </a:r>
          </a:p>
        </p:txBody>
      </p:sp>
      <p:sp>
        <p:nvSpPr>
          <p:cNvPr id="125" name="OTLSHAPE_SLT_efd0ffcfbe6b44ac9aa398405f8ca0e6_TextPercentage" hidden="1">
            <a:extLst>
              <a:ext uri="{FF2B5EF4-FFF2-40B4-BE49-F238E27FC236}">
                <a16:creationId xmlns:a16="http://schemas.microsoft.com/office/drawing/2014/main" id="{FF8C37E8-FF68-9768-1F8C-576EE14846D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 dirty="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B_00000000000000000000000000000000_MiddleTimescaleInterval1" hidden="1">
            <a:extLst>
              <a:ext uri="{FF2B5EF4-FFF2-40B4-BE49-F238E27FC236}">
                <a16:creationId xmlns:a16="http://schemas.microsoft.com/office/drawing/2014/main" id="{43E6BB48-A045-B6A5-486D-96024B8B22A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668" y="58866"/>
            <a:ext cx="2794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s-PE" sz="1200">
                <a:solidFill>
                  <a:srgbClr val="DDDDDD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37" name="OTLSHAPE_TB_00000000000000000000000000000000_MiddleTimescaleInterval2">
            <a:extLst>
              <a:ext uri="{FF2B5EF4-FFF2-40B4-BE49-F238E27FC236}">
                <a16:creationId xmlns:a16="http://schemas.microsoft.com/office/drawing/2014/main" id="{63FAC7C8-8F59-44F1-D332-7BC2BD1809E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780062" y="31855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39" name="OTLSHAPE_TB_00000000000000000000000000000000_MiddleTimescaleInterval3">
            <a:extLst>
              <a:ext uri="{FF2B5EF4-FFF2-40B4-BE49-F238E27FC236}">
                <a16:creationId xmlns:a16="http://schemas.microsoft.com/office/drawing/2014/main" id="{2FF1AECE-C92C-7C37-0A70-DA293289A5A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058071" y="31855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41" name="OTLSHAPE_TB_00000000000000000000000000000000_MiddleTimescaleInterval4">
            <a:extLst>
              <a:ext uri="{FF2B5EF4-FFF2-40B4-BE49-F238E27FC236}">
                <a16:creationId xmlns:a16="http://schemas.microsoft.com/office/drawing/2014/main" id="{A8D0916E-FFA3-19B3-4141-60DC821D65A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336079" y="31855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43" name="OTLSHAPE_TB_00000000000000000000000000000000_MiddleTimescaleInterval5">
            <a:extLst>
              <a:ext uri="{FF2B5EF4-FFF2-40B4-BE49-F238E27FC236}">
                <a16:creationId xmlns:a16="http://schemas.microsoft.com/office/drawing/2014/main" id="{A1CD6FFE-27E9-594A-0E6D-1AFB4A82030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614088" y="31855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45" name="OTLSHAPE_TB_00000000000000000000000000000000_MiddleTimescaleInterval6">
            <a:extLst>
              <a:ext uri="{FF2B5EF4-FFF2-40B4-BE49-F238E27FC236}">
                <a16:creationId xmlns:a16="http://schemas.microsoft.com/office/drawing/2014/main" id="{E1120FD2-26C5-5DDF-5511-31239451AC1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892097" y="31855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47" name="OTLSHAPE_TB_00000000000000000000000000000000_MiddleTimescaleInterval7">
            <a:extLst>
              <a:ext uri="{FF2B5EF4-FFF2-40B4-BE49-F238E27FC236}">
                <a16:creationId xmlns:a16="http://schemas.microsoft.com/office/drawing/2014/main" id="{71086D45-0FB2-3CDB-A82F-3B4FA978BE0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170106" y="31855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49" name="OTLSHAPE_TB_00000000000000000000000000000000_MiddleTimescaleInterval8">
            <a:extLst>
              <a:ext uri="{FF2B5EF4-FFF2-40B4-BE49-F238E27FC236}">
                <a16:creationId xmlns:a16="http://schemas.microsoft.com/office/drawing/2014/main" id="{9FF6C95F-D765-6087-F762-59D2804CDB4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448115" y="31855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151" name="OTLSHAPE_TB_00000000000000000000000000000000_MiddleTimescaleInterval9">
            <a:extLst>
              <a:ext uri="{FF2B5EF4-FFF2-40B4-BE49-F238E27FC236}">
                <a16:creationId xmlns:a16="http://schemas.microsoft.com/office/drawing/2014/main" id="{1E3FCE80-4F50-7680-E6B7-E2EB1DDFA05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726124" y="318553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rgbClr val="DDDDDD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53" name="OTLSHAPE_TB_00000000000000000000000000000000_MiddleTimescaleInterval10">
            <a:extLst>
              <a:ext uri="{FF2B5EF4-FFF2-40B4-BE49-F238E27FC236}">
                <a16:creationId xmlns:a16="http://schemas.microsoft.com/office/drawing/2014/main" id="{6ABA6063-8D11-0A42-000D-05581D80C91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004133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155" name="OTLSHAPE_TB_00000000000000000000000000000000_MiddleTimescaleInterval11">
            <a:extLst>
              <a:ext uri="{FF2B5EF4-FFF2-40B4-BE49-F238E27FC236}">
                <a16:creationId xmlns:a16="http://schemas.microsoft.com/office/drawing/2014/main" id="{28807EF3-ECC1-43D3-C6E6-D4736B5AEDE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282142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157" name="OTLSHAPE_TB_00000000000000000000000000000000_MiddleTimescaleInterval12">
            <a:extLst>
              <a:ext uri="{FF2B5EF4-FFF2-40B4-BE49-F238E27FC236}">
                <a16:creationId xmlns:a16="http://schemas.microsoft.com/office/drawing/2014/main" id="{249CE901-5235-C9A7-BD67-F492EC2E942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560151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2</a:t>
            </a:r>
          </a:p>
        </p:txBody>
      </p:sp>
      <p:sp>
        <p:nvSpPr>
          <p:cNvPr id="159" name="OTLSHAPE_TB_00000000000000000000000000000000_MiddleTimescaleInterval13">
            <a:extLst>
              <a:ext uri="{FF2B5EF4-FFF2-40B4-BE49-F238E27FC236}">
                <a16:creationId xmlns:a16="http://schemas.microsoft.com/office/drawing/2014/main" id="{4D087ACD-E4EF-2ED5-DA4F-D5A0B058120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838160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61" name="OTLSHAPE_TB_00000000000000000000000000000000_MiddleTimescaleInterval14">
            <a:extLst>
              <a:ext uri="{FF2B5EF4-FFF2-40B4-BE49-F238E27FC236}">
                <a16:creationId xmlns:a16="http://schemas.microsoft.com/office/drawing/2014/main" id="{0026437B-D7F1-E9F4-5B24-9BD995FBDBB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116169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4</a:t>
            </a:r>
          </a:p>
        </p:txBody>
      </p:sp>
      <p:sp>
        <p:nvSpPr>
          <p:cNvPr id="163" name="OTLSHAPE_TB_00000000000000000000000000000000_MiddleTimescaleInterval15">
            <a:extLst>
              <a:ext uri="{FF2B5EF4-FFF2-40B4-BE49-F238E27FC236}">
                <a16:creationId xmlns:a16="http://schemas.microsoft.com/office/drawing/2014/main" id="{DE778E64-9C23-ACE4-0895-8DFC7177819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394178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165" name="OTLSHAPE_TB_00000000000000000000000000000000_MiddleTimescaleInterval16">
            <a:extLst>
              <a:ext uri="{FF2B5EF4-FFF2-40B4-BE49-F238E27FC236}">
                <a16:creationId xmlns:a16="http://schemas.microsoft.com/office/drawing/2014/main" id="{01DC0694-64B3-6AD7-91AD-03811755041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672187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167" name="OTLSHAPE_TB_00000000000000000000000000000000_MiddleTimescaleInterval17">
            <a:extLst>
              <a:ext uri="{FF2B5EF4-FFF2-40B4-BE49-F238E27FC236}">
                <a16:creationId xmlns:a16="http://schemas.microsoft.com/office/drawing/2014/main" id="{326D3296-2FBD-9250-4B81-52187BC4F1F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950195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69" name="OTLSHAPE_TB_00000000000000000000000000000000_MiddleTimescaleInterval18">
            <a:extLst>
              <a:ext uri="{FF2B5EF4-FFF2-40B4-BE49-F238E27FC236}">
                <a16:creationId xmlns:a16="http://schemas.microsoft.com/office/drawing/2014/main" id="{46ACA336-5351-D6C0-698C-644F7819046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228205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8</a:t>
            </a:r>
          </a:p>
        </p:txBody>
      </p:sp>
      <p:sp>
        <p:nvSpPr>
          <p:cNvPr id="171" name="OTLSHAPE_TB_00000000000000000000000000000000_MiddleTimescaleInterval19">
            <a:extLst>
              <a:ext uri="{FF2B5EF4-FFF2-40B4-BE49-F238E27FC236}">
                <a16:creationId xmlns:a16="http://schemas.microsoft.com/office/drawing/2014/main" id="{B9BC3ED6-A99B-8C44-DA40-E3FBEFD1B28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506213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173" name="OTLSHAPE_TB_00000000000000000000000000000000_MiddleTimescaleInterval20">
            <a:extLst>
              <a:ext uri="{FF2B5EF4-FFF2-40B4-BE49-F238E27FC236}">
                <a16:creationId xmlns:a16="http://schemas.microsoft.com/office/drawing/2014/main" id="{1BDC1E92-0BBE-C1FE-8CD3-42640FEE97D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784222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0</a:t>
            </a:r>
          </a:p>
        </p:txBody>
      </p:sp>
      <p:sp>
        <p:nvSpPr>
          <p:cNvPr id="175" name="OTLSHAPE_TB_00000000000000000000000000000000_MiddleTimescaleInterval21">
            <a:extLst>
              <a:ext uri="{FF2B5EF4-FFF2-40B4-BE49-F238E27FC236}">
                <a16:creationId xmlns:a16="http://schemas.microsoft.com/office/drawing/2014/main" id="{E40A60CC-1DB8-5E1F-9E1F-56748610263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062231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77" name="OTLSHAPE_TB_00000000000000000000000000000000_MiddleTimescaleInterval22">
            <a:extLst>
              <a:ext uri="{FF2B5EF4-FFF2-40B4-BE49-F238E27FC236}">
                <a16:creationId xmlns:a16="http://schemas.microsoft.com/office/drawing/2014/main" id="{FAD886EB-AE9D-B70D-6400-DD0F9C24AE9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8340240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179" name="OTLSHAPE_TB_00000000000000000000000000000000_MiddleTimescaleInterval23">
            <a:extLst>
              <a:ext uri="{FF2B5EF4-FFF2-40B4-BE49-F238E27FC236}">
                <a16:creationId xmlns:a16="http://schemas.microsoft.com/office/drawing/2014/main" id="{F867D319-8E5D-92E3-2523-F1224C0DF0A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618248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3</a:t>
            </a:r>
          </a:p>
        </p:txBody>
      </p:sp>
      <p:sp>
        <p:nvSpPr>
          <p:cNvPr id="181" name="OTLSHAPE_TB_00000000000000000000000000000000_MiddleTimescaleInterval24">
            <a:extLst>
              <a:ext uri="{FF2B5EF4-FFF2-40B4-BE49-F238E27FC236}">
                <a16:creationId xmlns:a16="http://schemas.microsoft.com/office/drawing/2014/main" id="{D9176457-CAA3-E70A-5E0D-4A86B9FDE2E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896258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4</a:t>
            </a:r>
          </a:p>
        </p:txBody>
      </p:sp>
      <p:sp>
        <p:nvSpPr>
          <p:cNvPr id="183" name="OTLSHAPE_TB_00000000000000000000000000000000_MiddleTimescaleInterval25">
            <a:extLst>
              <a:ext uri="{FF2B5EF4-FFF2-40B4-BE49-F238E27FC236}">
                <a16:creationId xmlns:a16="http://schemas.microsoft.com/office/drawing/2014/main" id="{27ADF4DF-8896-54D8-7D0C-3D1E0A1106BA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174266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85" name="OTLSHAPE_TB_00000000000000000000000000000000_MiddleTimescaleInterval26">
            <a:extLst>
              <a:ext uri="{FF2B5EF4-FFF2-40B4-BE49-F238E27FC236}">
                <a16:creationId xmlns:a16="http://schemas.microsoft.com/office/drawing/2014/main" id="{05340841-1CAB-1D5E-92C0-C3844F91259A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452276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6</a:t>
            </a:r>
          </a:p>
        </p:txBody>
      </p:sp>
      <p:sp>
        <p:nvSpPr>
          <p:cNvPr id="187" name="OTLSHAPE_TB_00000000000000000000000000000000_MiddleTimescaleInterval27">
            <a:extLst>
              <a:ext uri="{FF2B5EF4-FFF2-40B4-BE49-F238E27FC236}">
                <a16:creationId xmlns:a16="http://schemas.microsoft.com/office/drawing/2014/main" id="{C5B2E863-4872-6014-CF31-E3AE40D13E1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730284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7</a:t>
            </a:r>
          </a:p>
        </p:txBody>
      </p:sp>
      <p:sp>
        <p:nvSpPr>
          <p:cNvPr id="189" name="OTLSHAPE_TB_00000000000000000000000000000000_MiddleTimescaleInterval28">
            <a:extLst>
              <a:ext uri="{FF2B5EF4-FFF2-40B4-BE49-F238E27FC236}">
                <a16:creationId xmlns:a16="http://schemas.microsoft.com/office/drawing/2014/main" id="{406D5343-5211-7D7D-5E95-ED6063761062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0008293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8</a:t>
            </a:r>
          </a:p>
        </p:txBody>
      </p:sp>
      <p:sp>
        <p:nvSpPr>
          <p:cNvPr id="191" name="OTLSHAPE_TB_00000000000000000000000000000000_MiddleTimescaleInterval29">
            <a:extLst>
              <a:ext uri="{FF2B5EF4-FFF2-40B4-BE49-F238E27FC236}">
                <a16:creationId xmlns:a16="http://schemas.microsoft.com/office/drawing/2014/main" id="{A81EE4FF-B000-710F-D6AB-868ED63D857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0286302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93" name="OTLSHAPE_TB_00000000000000000000000000000000_MiddleTimescaleInterval30">
            <a:extLst>
              <a:ext uri="{FF2B5EF4-FFF2-40B4-BE49-F238E27FC236}">
                <a16:creationId xmlns:a16="http://schemas.microsoft.com/office/drawing/2014/main" id="{170B8E0A-3034-FF26-CEEA-9B072C15BC4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0564311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30</a:t>
            </a:r>
          </a:p>
        </p:txBody>
      </p:sp>
      <p:sp>
        <p:nvSpPr>
          <p:cNvPr id="195" name="OTLSHAPE_TB_00000000000000000000000000000000_MiddleTimescaleInterval31">
            <a:extLst>
              <a:ext uri="{FF2B5EF4-FFF2-40B4-BE49-F238E27FC236}">
                <a16:creationId xmlns:a16="http://schemas.microsoft.com/office/drawing/2014/main" id="{5178222E-6D77-79A7-79E9-4DF55443293A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0842320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197" name="OTLSHAPE_TB_00000000000000000000000000000000_MiddleTimescaleInterval32">
            <a:extLst>
              <a:ext uri="{FF2B5EF4-FFF2-40B4-BE49-F238E27FC236}">
                <a16:creationId xmlns:a16="http://schemas.microsoft.com/office/drawing/2014/main" id="{D17124D0-B436-6B6E-BE97-28C96C83D29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1120329" y="31855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8">
                <a:solidFill>
                  <a:srgbClr val="DDDDDD"/>
                </a:solidFill>
                <a:latin typeface="Calibri" panose="020F0502020204030204" pitchFamily="34" charset="0"/>
              </a:rPr>
              <a:t>32</a:t>
            </a:r>
          </a:p>
        </p:txBody>
      </p:sp>
      <p:cxnSp>
        <p:nvCxnSpPr>
          <p:cNvPr id="12" name="OTLSHAPE_TB_00000000000000000000000000000000_Separator1">
            <a:extLst>
              <a:ext uri="{FF2B5EF4-FFF2-40B4-BE49-F238E27FC236}">
                <a16:creationId xmlns:a16="http://schemas.microsoft.com/office/drawing/2014/main" id="{B3B1D1C9-C8BC-C940-0A67-71410D0CD741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4119303" y="3013382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2">
            <a:extLst>
              <a:ext uri="{FF2B5EF4-FFF2-40B4-BE49-F238E27FC236}">
                <a16:creationId xmlns:a16="http://schemas.microsoft.com/office/drawing/2014/main" id="{BED028CB-9285-CB47-69FE-00E2B1AA4A01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6065365" y="3013382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CB173BE4-A3C6-FAA3-CF96-256D62B69FBE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8011428" y="3013382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4">
            <a:extLst>
              <a:ext uri="{FF2B5EF4-FFF2-40B4-BE49-F238E27FC236}">
                <a16:creationId xmlns:a16="http://schemas.microsoft.com/office/drawing/2014/main" id="{F296EAA2-E26D-055C-F495-4BCE06282DDC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9957490" y="3013382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MiddleSeparator1">
            <a:extLst>
              <a:ext uri="{FF2B5EF4-FFF2-40B4-BE49-F238E27FC236}">
                <a16:creationId xmlns:a16="http://schemas.microsoft.com/office/drawing/2014/main" id="{A88C8B3C-3B53-A130-F173-3B72FBF46828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2729258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B_00000000000000000000000000000000_MiddleSeparator2">
            <a:extLst>
              <a:ext uri="{FF2B5EF4-FFF2-40B4-BE49-F238E27FC236}">
                <a16:creationId xmlns:a16="http://schemas.microsoft.com/office/drawing/2014/main" id="{895D399A-C07A-09EE-EC88-0AB4552817C7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3007267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MiddleSeparator3">
            <a:extLst>
              <a:ext uri="{FF2B5EF4-FFF2-40B4-BE49-F238E27FC236}">
                <a16:creationId xmlns:a16="http://schemas.microsoft.com/office/drawing/2014/main" id="{312C9DCC-75EE-88CE-861E-22D8A1E016DE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3285276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B_00000000000000000000000000000000_MiddleSeparator4">
            <a:extLst>
              <a:ext uri="{FF2B5EF4-FFF2-40B4-BE49-F238E27FC236}">
                <a16:creationId xmlns:a16="http://schemas.microsoft.com/office/drawing/2014/main" id="{230C54D5-DE2D-056B-50A6-81ACFBFFD752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3563285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B_00000000000000000000000000000000_MiddleSeparator5">
            <a:extLst>
              <a:ext uri="{FF2B5EF4-FFF2-40B4-BE49-F238E27FC236}">
                <a16:creationId xmlns:a16="http://schemas.microsoft.com/office/drawing/2014/main" id="{7ABDA388-0D44-C1A6-222F-37286324F9CA}"/>
              </a:ext>
            </a:extLst>
          </p:cNvPr>
          <p:cNvCxnSpPr/>
          <p:nvPr>
            <p:custDataLst>
              <p:tags r:id="rId146"/>
            </p:custDataLst>
          </p:nvPr>
        </p:nvCxnSpPr>
        <p:spPr>
          <a:xfrm>
            <a:off x="3841294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B_00000000000000000000000000000000_MiddleSeparator6">
            <a:extLst>
              <a:ext uri="{FF2B5EF4-FFF2-40B4-BE49-F238E27FC236}">
                <a16:creationId xmlns:a16="http://schemas.microsoft.com/office/drawing/2014/main" id="{6DEEB882-49A3-4F81-31C8-C4292A7BA8D5}"/>
              </a:ext>
            </a:extLst>
          </p:cNvPr>
          <p:cNvCxnSpPr/>
          <p:nvPr>
            <p:custDataLst>
              <p:tags r:id="rId147"/>
            </p:custDataLst>
          </p:nvPr>
        </p:nvCxnSpPr>
        <p:spPr>
          <a:xfrm>
            <a:off x="4119303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B_00000000000000000000000000000000_MiddleSeparator7">
            <a:extLst>
              <a:ext uri="{FF2B5EF4-FFF2-40B4-BE49-F238E27FC236}">
                <a16:creationId xmlns:a16="http://schemas.microsoft.com/office/drawing/2014/main" id="{38288B46-E0BA-FD63-317F-CC075A1E40E3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4397312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TB_00000000000000000000000000000000_MiddleSeparator8">
            <a:extLst>
              <a:ext uri="{FF2B5EF4-FFF2-40B4-BE49-F238E27FC236}">
                <a16:creationId xmlns:a16="http://schemas.microsoft.com/office/drawing/2014/main" id="{2A1B374D-C537-98B9-B372-CC7BA6084D5A}"/>
              </a:ext>
            </a:extLst>
          </p:cNvPr>
          <p:cNvCxnSpPr/>
          <p:nvPr>
            <p:custDataLst>
              <p:tags r:id="rId149"/>
            </p:custDataLst>
          </p:nvPr>
        </p:nvCxnSpPr>
        <p:spPr>
          <a:xfrm>
            <a:off x="4675321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TB_00000000000000000000000000000000_MiddleSeparator9">
            <a:extLst>
              <a:ext uri="{FF2B5EF4-FFF2-40B4-BE49-F238E27FC236}">
                <a16:creationId xmlns:a16="http://schemas.microsoft.com/office/drawing/2014/main" id="{9B5141EC-21F0-F43F-DB7B-5034A8BC8D31}"/>
              </a:ext>
            </a:extLst>
          </p:cNvPr>
          <p:cNvCxnSpPr/>
          <p:nvPr>
            <p:custDataLst>
              <p:tags r:id="rId150"/>
            </p:custDataLst>
          </p:nvPr>
        </p:nvCxnSpPr>
        <p:spPr>
          <a:xfrm>
            <a:off x="4953329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ddleSeparator10">
            <a:extLst>
              <a:ext uri="{FF2B5EF4-FFF2-40B4-BE49-F238E27FC236}">
                <a16:creationId xmlns:a16="http://schemas.microsoft.com/office/drawing/2014/main" id="{1274BE5E-8935-85A1-F880-6AAEA8142A9F}"/>
              </a:ext>
            </a:extLst>
          </p:cNvPr>
          <p:cNvCxnSpPr/>
          <p:nvPr>
            <p:custDataLst>
              <p:tags r:id="rId151"/>
            </p:custDataLst>
          </p:nvPr>
        </p:nvCxnSpPr>
        <p:spPr>
          <a:xfrm>
            <a:off x="5231338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ddleSeparator11">
            <a:extLst>
              <a:ext uri="{FF2B5EF4-FFF2-40B4-BE49-F238E27FC236}">
                <a16:creationId xmlns:a16="http://schemas.microsoft.com/office/drawing/2014/main" id="{4DB00B7D-505A-5D5E-87AA-B3B88554D7B2}"/>
              </a:ext>
            </a:extLst>
          </p:cNvPr>
          <p:cNvCxnSpPr/>
          <p:nvPr>
            <p:custDataLst>
              <p:tags r:id="rId152"/>
            </p:custDataLst>
          </p:nvPr>
        </p:nvCxnSpPr>
        <p:spPr>
          <a:xfrm>
            <a:off x="5509347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ddleSeparator12">
            <a:extLst>
              <a:ext uri="{FF2B5EF4-FFF2-40B4-BE49-F238E27FC236}">
                <a16:creationId xmlns:a16="http://schemas.microsoft.com/office/drawing/2014/main" id="{544A42A6-2320-AB40-20FB-5C4B3A75CD79}"/>
              </a:ext>
            </a:extLst>
          </p:cNvPr>
          <p:cNvCxnSpPr/>
          <p:nvPr>
            <p:custDataLst>
              <p:tags r:id="rId153"/>
            </p:custDataLst>
          </p:nvPr>
        </p:nvCxnSpPr>
        <p:spPr>
          <a:xfrm>
            <a:off x="5787356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ddleSeparator13">
            <a:extLst>
              <a:ext uri="{FF2B5EF4-FFF2-40B4-BE49-F238E27FC236}">
                <a16:creationId xmlns:a16="http://schemas.microsoft.com/office/drawing/2014/main" id="{48A9E9DE-6F2A-138A-7D05-0AFFEE059E7C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6065365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MiddleSeparator14">
            <a:extLst>
              <a:ext uri="{FF2B5EF4-FFF2-40B4-BE49-F238E27FC236}">
                <a16:creationId xmlns:a16="http://schemas.microsoft.com/office/drawing/2014/main" id="{C0A8BB81-DB0B-3CAF-24DD-CCFC2EA6A780}"/>
              </a:ext>
            </a:extLst>
          </p:cNvPr>
          <p:cNvCxnSpPr/>
          <p:nvPr>
            <p:custDataLst>
              <p:tags r:id="rId155"/>
            </p:custDataLst>
          </p:nvPr>
        </p:nvCxnSpPr>
        <p:spPr>
          <a:xfrm>
            <a:off x="6343374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MiddleSeparator15">
            <a:extLst>
              <a:ext uri="{FF2B5EF4-FFF2-40B4-BE49-F238E27FC236}">
                <a16:creationId xmlns:a16="http://schemas.microsoft.com/office/drawing/2014/main" id="{18243961-1D48-15F5-1181-F98A5C4F6579}"/>
              </a:ext>
            </a:extLst>
          </p:cNvPr>
          <p:cNvCxnSpPr/>
          <p:nvPr>
            <p:custDataLst>
              <p:tags r:id="rId156"/>
            </p:custDataLst>
          </p:nvPr>
        </p:nvCxnSpPr>
        <p:spPr>
          <a:xfrm>
            <a:off x="6621383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MiddleSeparator16">
            <a:extLst>
              <a:ext uri="{FF2B5EF4-FFF2-40B4-BE49-F238E27FC236}">
                <a16:creationId xmlns:a16="http://schemas.microsoft.com/office/drawing/2014/main" id="{C59535B4-9D8C-1A86-AB6F-1E27D8ABBCCF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6899392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TB_00000000000000000000000000000000_MiddleSeparator17">
            <a:extLst>
              <a:ext uri="{FF2B5EF4-FFF2-40B4-BE49-F238E27FC236}">
                <a16:creationId xmlns:a16="http://schemas.microsoft.com/office/drawing/2014/main" id="{673E2D4A-724E-00AA-67E6-840EA9381F28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7177401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TB_00000000000000000000000000000000_MiddleSeparator18">
            <a:extLst>
              <a:ext uri="{FF2B5EF4-FFF2-40B4-BE49-F238E27FC236}">
                <a16:creationId xmlns:a16="http://schemas.microsoft.com/office/drawing/2014/main" id="{3C5C7873-51F3-BFDD-FF58-B504FCC432E7}"/>
              </a:ext>
            </a:extLst>
          </p:cNvPr>
          <p:cNvCxnSpPr/>
          <p:nvPr>
            <p:custDataLst>
              <p:tags r:id="rId159"/>
            </p:custDataLst>
          </p:nvPr>
        </p:nvCxnSpPr>
        <p:spPr>
          <a:xfrm>
            <a:off x="7455410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B_00000000000000000000000000000000_MiddleSeparator19">
            <a:extLst>
              <a:ext uri="{FF2B5EF4-FFF2-40B4-BE49-F238E27FC236}">
                <a16:creationId xmlns:a16="http://schemas.microsoft.com/office/drawing/2014/main" id="{2D92E3B9-31ED-3468-7EFB-D5B91A02893B}"/>
              </a:ext>
            </a:extLst>
          </p:cNvPr>
          <p:cNvCxnSpPr/>
          <p:nvPr>
            <p:custDataLst>
              <p:tags r:id="rId160"/>
            </p:custDataLst>
          </p:nvPr>
        </p:nvCxnSpPr>
        <p:spPr>
          <a:xfrm>
            <a:off x="7733419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B_00000000000000000000000000000000_MiddleSeparator20">
            <a:extLst>
              <a:ext uri="{FF2B5EF4-FFF2-40B4-BE49-F238E27FC236}">
                <a16:creationId xmlns:a16="http://schemas.microsoft.com/office/drawing/2014/main" id="{0140E004-4800-04E7-2D15-609314E4E827}"/>
              </a:ext>
            </a:extLst>
          </p:cNvPr>
          <p:cNvCxnSpPr/>
          <p:nvPr>
            <p:custDataLst>
              <p:tags r:id="rId161"/>
            </p:custDataLst>
          </p:nvPr>
        </p:nvCxnSpPr>
        <p:spPr>
          <a:xfrm>
            <a:off x="8011428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6" name="OTLSHAPE_TB_00000000000000000000000000000000_MiddleSeparator21">
            <a:extLst>
              <a:ext uri="{FF2B5EF4-FFF2-40B4-BE49-F238E27FC236}">
                <a16:creationId xmlns:a16="http://schemas.microsoft.com/office/drawing/2014/main" id="{2ECFE32E-7A18-8419-9F35-B2F92AC9DD1A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8289437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B_00000000000000000000000000000000_MiddleSeparator22">
            <a:extLst>
              <a:ext uri="{FF2B5EF4-FFF2-40B4-BE49-F238E27FC236}">
                <a16:creationId xmlns:a16="http://schemas.microsoft.com/office/drawing/2014/main" id="{F6BF8C37-E6BD-0DE7-F4FF-93EAB98D4FD0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8567445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B_00000000000000000000000000000000_MiddleSeparator23">
            <a:extLst>
              <a:ext uri="{FF2B5EF4-FFF2-40B4-BE49-F238E27FC236}">
                <a16:creationId xmlns:a16="http://schemas.microsoft.com/office/drawing/2014/main" id="{FA465EB0-287F-EB9D-7ACE-5A6EAB1F4158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8845455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B_00000000000000000000000000000000_MiddleSeparator24">
            <a:extLst>
              <a:ext uri="{FF2B5EF4-FFF2-40B4-BE49-F238E27FC236}">
                <a16:creationId xmlns:a16="http://schemas.microsoft.com/office/drawing/2014/main" id="{AAF7918B-2EA6-8159-4520-6B30126F8F46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9123463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B_00000000000000000000000000000000_MiddleSeparator25">
            <a:extLst>
              <a:ext uri="{FF2B5EF4-FFF2-40B4-BE49-F238E27FC236}">
                <a16:creationId xmlns:a16="http://schemas.microsoft.com/office/drawing/2014/main" id="{690C9F6D-3C96-6153-7A52-4E432B0F32A7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9401472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B_00000000000000000000000000000000_MiddleSeparator26">
            <a:extLst>
              <a:ext uri="{FF2B5EF4-FFF2-40B4-BE49-F238E27FC236}">
                <a16:creationId xmlns:a16="http://schemas.microsoft.com/office/drawing/2014/main" id="{95B29F74-B414-D1C2-878C-29EDBFE8E8FB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9679481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B_00000000000000000000000000000000_MiddleSeparator27">
            <a:extLst>
              <a:ext uri="{FF2B5EF4-FFF2-40B4-BE49-F238E27FC236}">
                <a16:creationId xmlns:a16="http://schemas.microsoft.com/office/drawing/2014/main" id="{B73A3095-8DFD-43CF-0DDB-B3250474894A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9957490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B_00000000000000000000000000000000_MiddleSeparator28">
            <a:extLst>
              <a:ext uri="{FF2B5EF4-FFF2-40B4-BE49-F238E27FC236}">
                <a16:creationId xmlns:a16="http://schemas.microsoft.com/office/drawing/2014/main" id="{97CCB1CF-9CCE-E50A-391B-34352E3BEEBD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10235499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B_00000000000000000000000000000000_MiddleSeparator29">
            <a:extLst>
              <a:ext uri="{FF2B5EF4-FFF2-40B4-BE49-F238E27FC236}">
                <a16:creationId xmlns:a16="http://schemas.microsoft.com/office/drawing/2014/main" id="{6536E4E1-68A7-F6C4-4B02-0E3613905128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10513508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B_00000000000000000000000000000000_MiddleSeparator30">
            <a:extLst>
              <a:ext uri="{FF2B5EF4-FFF2-40B4-BE49-F238E27FC236}">
                <a16:creationId xmlns:a16="http://schemas.microsoft.com/office/drawing/2014/main" id="{1107BF10-057A-3AF0-3C9C-3874E12C9CC5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10791516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B_00000000000000000000000000000000_MiddleSeparator31">
            <a:extLst>
              <a:ext uri="{FF2B5EF4-FFF2-40B4-BE49-F238E27FC236}">
                <a16:creationId xmlns:a16="http://schemas.microsoft.com/office/drawing/2014/main" id="{048859AF-A8E2-14C7-9F99-68323FCE06D7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11069526" y="3205406"/>
            <a:ext cx="0" cy="146304"/>
          </a:xfrm>
          <a:prstGeom prst="line">
            <a:avLst/>
          </a:prstGeom>
          <a:ln w="7620" cap="flat" cmpd="sng" algn="ctr">
            <a:solidFill>
              <a:srgbClr val="DDDDD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0" name="OTLSHAPE_T_ccb0f90f9433467da65019c70cf3d7ec_Shape">
            <a:extLst>
              <a:ext uri="{FF2B5EF4-FFF2-40B4-BE49-F238E27FC236}">
                <a16:creationId xmlns:a16="http://schemas.microsoft.com/office/drawing/2014/main" id="{9025C388-18B5-70C3-6F90-04F45202BB86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2451253" y="1640935"/>
            <a:ext cx="1955800" cy="127000"/>
          </a:xfrm>
          <a:prstGeom prst="roundRect">
            <a:avLst>
              <a:gd name="adj" fmla="val 100000"/>
            </a:avLst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9" name="OTLSHAPE_T_61efdd2012e0488aa320e5cf55452c64_Shape">
            <a:extLst>
              <a:ext uri="{FF2B5EF4-FFF2-40B4-BE49-F238E27FC236}">
                <a16:creationId xmlns:a16="http://schemas.microsoft.com/office/drawing/2014/main" id="{89714DBC-4BD1-299F-43D0-0851E2F13CC5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4397315" y="1849554"/>
            <a:ext cx="1955800" cy="127000"/>
          </a:xfrm>
          <a:prstGeom prst="roundRect">
            <a:avLst>
              <a:gd name="adj" fmla="val 100000"/>
            </a:avLst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8" name="OTLSHAPE_T_8cceb45f87fc4fdba46927b43c0479c1_Shape">
            <a:extLst>
              <a:ext uri="{FF2B5EF4-FFF2-40B4-BE49-F238E27FC236}">
                <a16:creationId xmlns:a16="http://schemas.microsoft.com/office/drawing/2014/main" id="{4EB11D1E-41C1-F264-DDD0-FA36279E8AA1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6343378" y="2058173"/>
            <a:ext cx="1955800" cy="127000"/>
          </a:xfrm>
          <a:prstGeom prst="roundRect">
            <a:avLst>
              <a:gd name="adj" fmla="val 100000"/>
            </a:avLst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7" name="OTLSHAPE_T_fd15cd9d14bc47cf89e0f59fbf75db58_Shape">
            <a:extLst>
              <a:ext uri="{FF2B5EF4-FFF2-40B4-BE49-F238E27FC236}">
                <a16:creationId xmlns:a16="http://schemas.microsoft.com/office/drawing/2014/main" id="{D8A231F4-45F4-84E6-0499-037C2D5D6952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>
            <a:off x="8289440" y="2266791"/>
            <a:ext cx="3060700" cy="127000"/>
          </a:xfrm>
          <a:prstGeom prst="roundRect">
            <a:avLst>
              <a:gd name="adj" fmla="val 100000"/>
            </a:avLst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1" name="OTLSHAPE_T_ccb0f90f9433467da65019c70cf3d7ec_ShapePercentage" hidden="1">
            <a:extLst>
              <a:ext uri="{FF2B5EF4-FFF2-40B4-BE49-F238E27FC236}">
                <a16:creationId xmlns:a16="http://schemas.microsoft.com/office/drawing/2014/main" id="{B0BA1259-5552-77B1-D62F-F25AD799D051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2451253" y="1640935"/>
            <a:ext cx="0" cy="1270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0" name="OTLSHAPE_T_61efdd2012e0488aa320e5cf55452c64_ShapePercentage" hidden="1">
            <a:extLst>
              <a:ext uri="{FF2B5EF4-FFF2-40B4-BE49-F238E27FC236}">
                <a16:creationId xmlns:a16="http://schemas.microsoft.com/office/drawing/2014/main" id="{C562D8F0-FDFD-227C-656C-3D4455412A15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4397315" y="1849554"/>
            <a:ext cx="0" cy="1270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9" name="OTLSHAPE_T_8cceb45f87fc4fdba46927b43c0479c1_ShapePercentage" hidden="1">
            <a:extLst>
              <a:ext uri="{FF2B5EF4-FFF2-40B4-BE49-F238E27FC236}">
                <a16:creationId xmlns:a16="http://schemas.microsoft.com/office/drawing/2014/main" id="{88038854-4C96-A72C-F262-9BD4D048FDE4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6343378" y="2058173"/>
            <a:ext cx="0" cy="1270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8" name="OTLSHAPE_T_fd15cd9d14bc47cf89e0f59fbf75db58_ShapePercentage" hidden="1">
            <a:extLst>
              <a:ext uri="{FF2B5EF4-FFF2-40B4-BE49-F238E27FC236}">
                <a16:creationId xmlns:a16="http://schemas.microsoft.com/office/drawing/2014/main" id="{7A483B45-0AD4-7523-3D19-58877508FEE8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8289440" y="2266791"/>
            <a:ext cx="0" cy="1270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2" name="OTLSHAPE_T_ccb0f90f9433467da65019c70cf3d7ec_BaselineShape" hidden="1">
            <a:extLst>
              <a:ext uri="{FF2B5EF4-FFF2-40B4-BE49-F238E27FC236}">
                <a16:creationId xmlns:a16="http://schemas.microsoft.com/office/drawing/2014/main" id="{4751CFEE-87E2-0FDF-3314-7AC1C0578FFF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2451253" y="172983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1" name="OTLSHAPE_T_61efdd2012e0488aa320e5cf55452c64_BaselineShape" hidden="1">
            <a:extLst>
              <a:ext uri="{FF2B5EF4-FFF2-40B4-BE49-F238E27FC236}">
                <a16:creationId xmlns:a16="http://schemas.microsoft.com/office/drawing/2014/main" id="{CC33ECFF-4822-62AF-A953-8952E97AF3F2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2451253" y="193845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0" name="OTLSHAPE_T_8cceb45f87fc4fdba46927b43c0479c1_BaselineShape" hidden="1">
            <a:extLst>
              <a:ext uri="{FF2B5EF4-FFF2-40B4-BE49-F238E27FC236}">
                <a16:creationId xmlns:a16="http://schemas.microsoft.com/office/drawing/2014/main" id="{E4760480-68E7-66A6-EE46-D6634EAAB6F3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2451253" y="2147073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9" name="OTLSHAPE_T_fd15cd9d14bc47cf89e0f59fbf75db58_BaselineShape" hidden="1">
            <a:extLst>
              <a:ext uri="{FF2B5EF4-FFF2-40B4-BE49-F238E27FC236}">
                <a16:creationId xmlns:a16="http://schemas.microsoft.com/office/drawing/2014/main" id="{C4CC6FC6-F951-75C8-42E8-09B01733D158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2451253" y="235569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3" name="OTLSHAPE_T_ccb0f90f9433467da65019c70cf3d7ec_Duration" hidden="1">
            <a:extLst>
              <a:ext uri="{FF2B5EF4-FFF2-40B4-BE49-F238E27FC236}">
                <a16:creationId xmlns:a16="http://schemas.microsoft.com/office/drawing/2014/main" id="{1894C2AC-107A-5243-BADD-C1472BD15401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rgbClr val="5E5E5E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4" name="OTLSHAPE_T_ccb0f90f9433467da65019c70cf3d7ec_StartDate" hidden="1">
            <a:extLst>
              <a:ext uri="{FF2B5EF4-FFF2-40B4-BE49-F238E27FC236}">
                <a16:creationId xmlns:a16="http://schemas.microsoft.com/office/drawing/2014/main" id="{60E05B40-4F08-5A30-2FA7-12840347DBE4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ccb0f90f9433467da65019c70cf3d7ec_EndDate" hidden="1">
            <a:extLst>
              <a:ext uri="{FF2B5EF4-FFF2-40B4-BE49-F238E27FC236}">
                <a16:creationId xmlns:a16="http://schemas.microsoft.com/office/drawing/2014/main" id="{BFE19DDC-0233-890D-3FDD-CD570DBEDD3A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ccb0f90f9433467da65019c70cf3d7ec_Title">
            <a:extLst>
              <a:ext uri="{FF2B5EF4-FFF2-40B4-BE49-F238E27FC236}">
                <a16:creationId xmlns:a16="http://schemas.microsoft.com/office/drawing/2014/main" id="{46C8FA57-E37E-77D5-43F7-8FA7344E7FD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797459" y="1619176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Fase de Inicio y Planificación</a:t>
            </a:r>
            <a:endParaRPr lang="es-PE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ccb0f90f9433467da65019c70cf3d7ec_JoinedDate">
            <a:extLst>
              <a:ext uri="{FF2B5EF4-FFF2-40B4-BE49-F238E27FC236}">
                <a16:creationId xmlns:a16="http://schemas.microsoft.com/office/drawing/2014/main" id="{D75BB27B-A07D-0E6B-A4EE-BB5BC595C787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4498722" y="162692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>
                <a:solidFill>
                  <a:srgbClr val="5E5E5E"/>
                </a:solidFill>
                <a:latin typeface="Calibri" panose="020F0502020204030204" pitchFamily="34" charset="0"/>
              </a:rPr>
              <a:t>Oct 7 - Oct 13</a:t>
            </a:r>
          </a:p>
        </p:txBody>
      </p:sp>
      <p:sp>
        <p:nvSpPr>
          <p:cNvPr id="28" name="OTLSHAPE_T_ccb0f90f9433467da65019c70cf3d7ec_TextPercentage" hidden="1">
            <a:extLst>
              <a:ext uri="{FF2B5EF4-FFF2-40B4-BE49-F238E27FC236}">
                <a16:creationId xmlns:a16="http://schemas.microsoft.com/office/drawing/2014/main" id="{7120A738-ED95-C538-E391-AFBD473B7383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61efdd2012e0488aa320e5cf55452c64_Duration" hidden="1">
            <a:extLst>
              <a:ext uri="{FF2B5EF4-FFF2-40B4-BE49-F238E27FC236}">
                <a16:creationId xmlns:a16="http://schemas.microsoft.com/office/drawing/2014/main" id="{FED1F80D-C57F-6184-8DB1-DF6C70D90F7C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rgbClr val="5E5E5E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3" name="OTLSHAPE_T_61efdd2012e0488aa320e5cf55452c64_StartDate" hidden="1">
            <a:extLst>
              <a:ext uri="{FF2B5EF4-FFF2-40B4-BE49-F238E27FC236}">
                <a16:creationId xmlns:a16="http://schemas.microsoft.com/office/drawing/2014/main" id="{C7513DBA-8786-76CE-BCDE-1CCA6CFDD617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61efdd2012e0488aa320e5cf55452c64_EndDate" hidden="1">
            <a:extLst>
              <a:ext uri="{FF2B5EF4-FFF2-40B4-BE49-F238E27FC236}">
                <a16:creationId xmlns:a16="http://schemas.microsoft.com/office/drawing/2014/main" id="{44600C58-E77E-703A-BE35-996C361E911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61efdd2012e0488aa320e5cf55452c64_Title">
            <a:extLst>
              <a:ext uri="{FF2B5EF4-FFF2-40B4-BE49-F238E27FC236}">
                <a16:creationId xmlns:a16="http://schemas.microsoft.com/office/drawing/2014/main" id="{17FAB312-895E-6AAD-A697-7EEA9754ECF1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2086754" y="1827795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Fase de Investigación y Diseño Técnico</a:t>
            </a:r>
            <a:endParaRPr lang="es-PE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61efdd2012e0488aa320e5cf55452c64_JoinedDate">
            <a:extLst>
              <a:ext uri="{FF2B5EF4-FFF2-40B4-BE49-F238E27FC236}">
                <a16:creationId xmlns:a16="http://schemas.microsoft.com/office/drawing/2014/main" id="{782CE400-77BE-39E0-AD4D-2A7E422391E5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6444785" y="1835542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>
                <a:solidFill>
                  <a:srgbClr val="5E5E5E"/>
                </a:solidFill>
                <a:latin typeface="Calibri" panose="020F0502020204030204" pitchFamily="34" charset="0"/>
              </a:rPr>
              <a:t>Oct 14 - Oct 20</a:t>
            </a:r>
          </a:p>
        </p:txBody>
      </p:sp>
      <p:sp>
        <p:nvSpPr>
          <p:cNvPr id="37" name="OTLSHAPE_T_61efdd2012e0488aa320e5cf55452c64_TextPercentage" hidden="1">
            <a:extLst>
              <a:ext uri="{FF2B5EF4-FFF2-40B4-BE49-F238E27FC236}">
                <a16:creationId xmlns:a16="http://schemas.microsoft.com/office/drawing/2014/main" id="{9C345BDC-CD9D-5F9B-7468-02A5AD65B5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8cceb45f87fc4fdba46927b43c0479c1_Duration" hidden="1">
            <a:extLst>
              <a:ext uri="{FF2B5EF4-FFF2-40B4-BE49-F238E27FC236}">
                <a16:creationId xmlns:a16="http://schemas.microsoft.com/office/drawing/2014/main" id="{0EBBCF5F-80DE-3C4A-2C08-7C574453B4C4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rgbClr val="5E5E5E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2" name="OTLSHAPE_T_8cceb45f87fc4fdba46927b43c0479c1_StartDate" hidden="1">
            <a:extLst>
              <a:ext uri="{FF2B5EF4-FFF2-40B4-BE49-F238E27FC236}">
                <a16:creationId xmlns:a16="http://schemas.microsoft.com/office/drawing/2014/main" id="{9BAB4C88-26D6-57E0-5DC5-BE9DAD137A2A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8cceb45f87fc4fdba46927b43c0479c1_EndDate" hidden="1">
            <a:extLst>
              <a:ext uri="{FF2B5EF4-FFF2-40B4-BE49-F238E27FC236}">
                <a16:creationId xmlns:a16="http://schemas.microsoft.com/office/drawing/2014/main" id="{9A0BF9B7-3941-2E25-7790-2245094034DD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8cceb45f87fc4fdba46927b43c0479c1_Title">
            <a:extLst>
              <a:ext uri="{FF2B5EF4-FFF2-40B4-BE49-F238E27FC236}">
                <a16:creationId xmlns:a16="http://schemas.microsoft.com/office/drawing/2014/main" id="{438BF080-230A-ADF3-C27B-C00AEC3850F0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4645421" y="2036413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100" spc="-4">
                <a:solidFill>
                  <a:schemeClr val="dk1"/>
                </a:solidFill>
                <a:latin typeface="Calibri" panose="020F0502020204030204" pitchFamily="34" charset="0"/>
              </a:rPr>
              <a:t>Fase de Desarrollo del MVP</a:t>
            </a:r>
            <a:endParaRPr lang="es-PE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8cceb45f87fc4fdba46927b43c0479c1_JoinedDate">
            <a:extLst>
              <a:ext uri="{FF2B5EF4-FFF2-40B4-BE49-F238E27FC236}">
                <a16:creationId xmlns:a16="http://schemas.microsoft.com/office/drawing/2014/main" id="{2D66A755-8F8E-D502-78B9-1D13AAF60B2E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8390847" y="204416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>
                <a:solidFill>
                  <a:srgbClr val="5E5E5E"/>
                </a:solidFill>
                <a:latin typeface="Calibri" panose="020F0502020204030204" pitchFamily="34" charset="0"/>
              </a:rPr>
              <a:t>Oct 21 - Oct 27</a:t>
            </a:r>
          </a:p>
        </p:txBody>
      </p:sp>
      <p:sp>
        <p:nvSpPr>
          <p:cNvPr id="46" name="OTLSHAPE_T_8cceb45f87fc4fdba46927b43c0479c1_TextPercentage" hidden="1">
            <a:extLst>
              <a:ext uri="{FF2B5EF4-FFF2-40B4-BE49-F238E27FC236}">
                <a16:creationId xmlns:a16="http://schemas.microsoft.com/office/drawing/2014/main" id="{850A383F-09AD-AD57-3395-0F31B4E5709C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fd15cd9d14bc47cf89e0f59fbf75db58_Duration" hidden="1">
            <a:extLst>
              <a:ext uri="{FF2B5EF4-FFF2-40B4-BE49-F238E27FC236}">
                <a16:creationId xmlns:a16="http://schemas.microsoft.com/office/drawing/2014/main" id="{57DEA8C8-27E7-A941-4A02-EBD83DCD3762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rgbClr val="5E5E5E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51" name="OTLSHAPE_T_fd15cd9d14bc47cf89e0f59fbf75db58_StartDate" hidden="1">
            <a:extLst>
              <a:ext uri="{FF2B5EF4-FFF2-40B4-BE49-F238E27FC236}">
                <a16:creationId xmlns:a16="http://schemas.microsoft.com/office/drawing/2014/main" id="{819BCED1-0731-7D74-9ECF-37E8BDDF2FDE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fd15cd9d14bc47cf89e0f59fbf75db58_EndDate" hidden="1">
            <a:extLst>
              <a:ext uri="{FF2B5EF4-FFF2-40B4-BE49-F238E27FC236}">
                <a16:creationId xmlns:a16="http://schemas.microsoft.com/office/drawing/2014/main" id="{03AE860E-D783-8E6E-20F3-2E30118037DD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5E5E5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fd15cd9d14bc47cf89e0f59fbf75db58_Title">
            <a:extLst>
              <a:ext uri="{FF2B5EF4-FFF2-40B4-BE49-F238E27FC236}">
                <a16:creationId xmlns:a16="http://schemas.microsoft.com/office/drawing/2014/main" id="{3C5165C1-4BE3-639F-784E-7BCB16046701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5888497" y="2245032"/>
            <a:ext cx="226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100" spc="-4">
                <a:solidFill>
                  <a:schemeClr val="dk1"/>
                </a:solidFill>
                <a:latin typeface="Calibri" panose="020F0502020204030204" pitchFamily="34" charset="0"/>
              </a:rPr>
              <a:t>Fase de Pruebas, Ajustes y Entrega Final</a:t>
            </a:r>
            <a:endParaRPr lang="es-PE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fd15cd9d14bc47cf89e0f59fbf75db58_JoinedDate">
            <a:extLst>
              <a:ext uri="{FF2B5EF4-FFF2-40B4-BE49-F238E27FC236}">
                <a16:creationId xmlns:a16="http://schemas.microsoft.com/office/drawing/2014/main" id="{BEF9476F-6032-9EE6-01AF-44693380D03B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1398145" y="225277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4">
                <a:solidFill>
                  <a:srgbClr val="5E5E5E"/>
                </a:solidFill>
                <a:latin typeface="Calibri" panose="020F0502020204030204" pitchFamily="34" charset="0"/>
              </a:rPr>
              <a:t>Oct 28 - Nov 7</a:t>
            </a:r>
          </a:p>
        </p:txBody>
      </p:sp>
      <p:sp>
        <p:nvSpPr>
          <p:cNvPr id="55" name="OTLSHAPE_T_fd15cd9d14bc47cf89e0f59fbf75db58_TextPercentage" hidden="1">
            <a:extLst>
              <a:ext uri="{FF2B5EF4-FFF2-40B4-BE49-F238E27FC236}">
                <a16:creationId xmlns:a16="http://schemas.microsoft.com/office/drawing/2014/main" id="{F572C210-B459-E065-508D-64AB5DA4F6EB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M_f06f67eb56294d6a92a1dda766f022d0_Shape">
            <a:extLst>
              <a:ext uri="{FF2B5EF4-FFF2-40B4-BE49-F238E27FC236}">
                <a16:creationId xmlns:a16="http://schemas.microsoft.com/office/drawing/2014/main" id="{DB586BA2-C573-16E1-284A-6AD22CE0A437}"/>
              </a:ext>
            </a:extLst>
          </p:cNvPr>
          <p:cNvSpPr/>
          <p:nvPr>
            <p:custDataLst>
              <p:tags r:id="rId209"/>
            </p:custDataLst>
          </p:nvPr>
        </p:nvSpPr>
        <p:spPr>
          <a:xfrm>
            <a:off x="11233045" y="2804594"/>
            <a:ext cx="228600" cy="254000"/>
          </a:xfrm>
          <a:prstGeom prst="star8">
            <a:avLst/>
          </a:prstGeom>
          <a:solidFill>
            <a:srgbClr val="A6B727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29" name="OTLSHAPE_M_f06f67eb56294d6a92a1dda766f022d0_Title">
            <a:extLst>
              <a:ext uri="{FF2B5EF4-FFF2-40B4-BE49-F238E27FC236}">
                <a16:creationId xmlns:a16="http://schemas.microsoft.com/office/drawing/2014/main" id="{1B7B1F5B-1929-95BB-EA8D-838D06B41C0D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1250634" y="2453651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IN</a:t>
            </a:r>
          </a:p>
        </p:txBody>
      </p:sp>
      <p:sp>
        <p:nvSpPr>
          <p:cNvPr id="230" name="OTLSHAPE_M_f06f67eb56294d6a92a1dda766f022d0_Date">
            <a:extLst>
              <a:ext uri="{FF2B5EF4-FFF2-40B4-BE49-F238E27FC236}">
                <a16:creationId xmlns:a16="http://schemas.microsoft.com/office/drawing/2014/main" id="{58E254E6-51C6-C227-1874-3B4923A83F0E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1038925" y="262416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6">
                <a:solidFill>
                  <a:srgbClr val="5E5E5E"/>
                </a:solidFill>
                <a:latin typeface="Calibri" panose="020F0502020204030204" pitchFamily="34" charset="0"/>
              </a:rPr>
              <a:t>Nov 7, 2025</a:t>
            </a:r>
          </a:p>
        </p:txBody>
      </p:sp>
      <p:sp>
        <p:nvSpPr>
          <p:cNvPr id="232" name="OTLSHAPE_D_a4dbbd1dadd14701bce232fada6b3282_Line">
            <a:extLst>
              <a:ext uri="{FF2B5EF4-FFF2-40B4-BE49-F238E27FC236}">
                <a16:creationId xmlns:a16="http://schemas.microsoft.com/office/drawing/2014/main" id="{89BBB9CB-2331-66E3-6DF4-A8225A4642B9}"/>
              </a:ext>
            </a:extLst>
          </p:cNvPr>
          <p:cNvSpPr/>
          <p:nvPr>
            <p:custDataLst>
              <p:tags r:id="rId212"/>
            </p:custDataLst>
          </p:nvPr>
        </p:nvSpPr>
        <p:spPr>
          <a:xfrm>
            <a:off x="8186096" y="2121673"/>
            <a:ext cx="160302" cy="208619"/>
          </a:xfrm>
          <a:custGeom>
            <a:avLst/>
            <a:gdLst/>
            <a:ahLst/>
            <a:cxnLst/>
            <a:rect l="0" t="0" r="0" b="0"/>
            <a:pathLst>
              <a:path w="160302" h="208619">
                <a:moveTo>
                  <a:pt x="103151" y="0"/>
                </a:moveTo>
                <a:lnTo>
                  <a:pt x="122201" y="0"/>
                </a:lnTo>
                <a:cubicBezTo>
                  <a:pt x="160301" y="0"/>
                  <a:pt x="160301" y="38100"/>
                  <a:pt x="160301" y="38100"/>
                </a:cubicBezTo>
                <a:lnTo>
                  <a:pt x="160301" y="66209"/>
                </a:lnTo>
                <a:cubicBezTo>
                  <a:pt x="160301" y="104309"/>
                  <a:pt x="122201" y="104309"/>
                  <a:pt x="122201" y="104309"/>
                </a:cubicBezTo>
                <a:lnTo>
                  <a:pt x="38100" y="104309"/>
                </a:lnTo>
                <a:cubicBezTo>
                  <a:pt x="0" y="104309"/>
                  <a:pt x="0" y="142409"/>
                  <a:pt x="0" y="142409"/>
                </a:cubicBezTo>
                <a:lnTo>
                  <a:pt x="0" y="170518"/>
                </a:lnTo>
                <a:cubicBezTo>
                  <a:pt x="0" y="208618"/>
                  <a:pt x="38100" y="208618"/>
                  <a:pt x="38100" y="208618"/>
                </a:cubicBezTo>
                <a:lnTo>
                  <a:pt x="103344" y="2086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33" name="OTLSHAPE_D_7a1cfd9fe4404b7cb6196883e54c7fb7_Line">
            <a:extLst>
              <a:ext uri="{FF2B5EF4-FFF2-40B4-BE49-F238E27FC236}">
                <a16:creationId xmlns:a16="http://schemas.microsoft.com/office/drawing/2014/main" id="{895FB9A8-2F33-FE09-8594-8151ABB4CF2F}"/>
              </a:ext>
            </a:extLst>
          </p:cNvPr>
          <p:cNvSpPr/>
          <p:nvPr>
            <p:custDataLst>
              <p:tags r:id="rId213"/>
            </p:custDataLst>
          </p:nvPr>
        </p:nvSpPr>
        <p:spPr>
          <a:xfrm>
            <a:off x="6240033" y="1913054"/>
            <a:ext cx="160303" cy="208620"/>
          </a:xfrm>
          <a:custGeom>
            <a:avLst/>
            <a:gdLst/>
            <a:ahLst/>
            <a:cxnLst/>
            <a:rect l="0" t="0" r="0" b="0"/>
            <a:pathLst>
              <a:path w="160303" h="208620">
                <a:moveTo>
                  <a:pt x="103152" y="0"/>
                </a:moveTo>
                <a:lnTo>
                  <a:pt x="122202" y="0"/>
                </a:lnTo>
                <a:cubicBezTo>
                  <a:pt x="160302" y="0"/>
                  <a:pt x="160302" y="38100"/>
                  <a:pt x="160302" y="38100"/>
                </a:cubicBezTo>
                <a:lnTo>
                  <a:pt x="160302" y="66209"/>
                </a:lnTo>
                <a:cubicBezTo>
                  <a:pt x="160302" y="104309"/>
                  <a:pt x="122202" y="104309"/>
                  <a:pt x="122202" y="104309"/>
                </a:cubicBezTo>
                <a:lnTo>
                  <a:pt x="38100" y="104309"/>
                </a:lnTo>
                <a:cubicBezTo>
                  <a:pt x="0" y="104309"/>
                  <a:pt x="0" y="142409"/>
                  <a:pt x="0" y="142409"/>
                </a:cubicBezTo>
                <a:lnTo>
                  <a:pt x="0" y="170519"/>
                </a:lnTo>
                <a:cubicBezTo>
                  <a:pt x="0" y="208619"/>
                  <a:pt x="38100" y="208619"/>
                  <a:pt x="38100" y="208619"/>
                </a:cubicBezTo>
                <a:lnTo>
                  <a:pt x="103345" y="2086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34" name="OTLSHAPE_D_b92381fb52994e809b770f0559dbbfa5_Line">
            <a:extLst>
              <a:ext uri="{FF2B5EF4-FFF2-40B4-BE49-F238E27FC236}">
                <a16:creationId xmlns:a16="http://schemas.microsoft.com/office/drawing/2014/main" id="{EE39FF2E-D2E3-17D7-5104-C5A620A6BFD1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4293971" y="1704435"/>
            <a:ext cx="160302" cy="208620"/>
          </a:xfrm>
          <a:custGeom>
            <a:avLst/>
            <a:gdLst/>
            <a:ahLst/>
            <a:cxnLst/>
            <a:rect l="0" t="0" r="0" b="0"/>
            <a:pathLst>
              <a:path w="160302" h="208620">
                <a:moveTo>
                  <a:pt x="103151" y="0"/>
                </a:moveTo>
                <a:lnTo>
                  <a:pt x="122201" y="0"/>
                </a:lnTo>
                <a:cubicBezTo>
                  <a:pt x="160301" y="0"/>
                  <a:pt x="160301" y="38100"/>
                  <a:pt x="160301" y="38100"/>
                </a:cubicBezTo>
                <a:lnTo>
                  <a:pt x="160301" y="66210"/>
                </a:lnTo>
                <a:cubicBezTo>
                  <a:pt x="160301" y="104310"/>
                  <a:pt x="122201" y="104310"/>
                  <a:pt x="122201" y="104310"/>
                </a:cubicBezTo>
                <a:lnTo>
                  <a:pt x="38100" y="104310"/>
                </a:lnTo>
                <a:cubicBezTo>
                  <a:pt x="0" y="104310"/>
                  <a:pt x="0" y="142410"/>
                  <a:pt x="0" y="142410"/>
                </a:cubicBezTo>
                <a:lnTo>
                  <a:pt x="0" y="170519"/>
                </a:lnTo>
                <a:cubicBezTo>
                  <a:pt x="0" y="208619"/>
                  <a:pt x="38100" y="208619"/>
                  <a:pt x="38100" y="208619"/>
                </a:cubicBezTo>
                <a:lnTo>
                  <a:pt x="103344" y="2086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69428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EwLTA3VDAwOjAwOjAwWiIsIkVuZERhdGUiOiIyMDI1LTEwLTEzVDIzOjU5OjAwWiIsIlBlcmNlbnRhZ2VDb21wbGV0ZSI6bnVsbCwiU3R5bGUiOnsiJGlkIjoiNyIsIlNoYXBlIjoyLCJTaGFwZVRoaWNrbmVzcyI6MCwiRHVyYXRpb25Gb3JtYXQiOjE0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OTQsIkciOjk0LCJCIjo5NH19LCJNYXhXaWR0aCI6MjAwLjAsIk1heEhlaWdodCI6IkluZmluaXR5IiwiU21hcnRGb3JlZ3JvdW5kSXNBY3RpdmUiOmZhbHNlLCJIb3Jpem9udGFsQWxpZ25tZW50IjoxLCJWZXJ0aWNhbEFsaWdubWVudCI6MS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ksIkZvbnROYW1lIjoiQ2FsaWJyaSIsIklzQm9sZCI6ZmFsc2UsIklzSXRhbGljIjpmYWxzZSwiSXNVbmRlcmxpbmVkIjpmYWxzZSwiUGFyZW50U3R5bGUiOm51bGx9LCJBdXRvU2l6ZSI6MiwiRm9yZWdyb3VuZCI6eyIkaWQiOiIxOSIsIkNvbG9yIjp7IiRpZCI6IjIw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RHVyYXRpb25TdHlsZSI6eyIkaWQiOiIxNDAiLCJGb250U2V0dGluZ3MiOnsiJGlkIjoiMTQxIiwiRm9udFNpemUiOjksIkZvbnROYW1lIjoiQ2FsaWJyaSIsIklzQm9sZCI6ZmFsc2UsIklzSXRhbGljIjpmYWxzZSwiSXNVbmRlcmxpbmVkIjpmYWxzZSwiUGFyZW50U3R5bGUiOm51bGx9LCJBdXRvU2l6ZSI6MCwiRm9yZWdyb3VuZCI6eyIkaWQiOiIxNDIiLCJDb2xvciI6eyIkaWQiOiIxNDM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zLCJJc0JlbG93VGltZWJhbmQiOmZhbHNlLCJQZXJjZW50YWdlQ29tcGxldGVTaGFwZU9wYWNpdHkiOjM1LCJCYXNlbGluZVN0eWxlIjp7IiRpZCI6IjE1NSIsIlNoYXBlU3R5bGUiOnsiJGlkIjoiMTU2IiwiTWFyZ2luIjp7IiRpZCI6IjE1NyIsIlRvcCI6MC4wLCJMZWZ0IjowLjAsIlJpZ2h0IjowLjAsIkJvdHRvbSI6MC4wfSwiUGFkZGluZyI6eyIkaWQiOiIxNTgiLCJUb3AiOjAuMCwiTGVmdCI6MC4wLCJSaWdodCI6MC4wLCJCb3R0b20iOjAuMH0sIkJhY2tncm91bmQiOnsiJGlkIjoiMTU5IiwiQ29sb3IiOnsiJGlkIjoiMTYwIiwiQSI6MTUzLCJSIjowLCJHIjowLCJCIjow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giLCJUb3AiOjAuMCwiTGVmdCI6MC4wLCJSaWdodCI6MC4wLCJCb3R0b20iOjAuMH0sIlBhZGRpbmciOnsiJGlkIjoiMTc5IiwiVG9wIjowLjAsIkxlZnQiOjAuMCwiUmlnaHQiOjAuMCwiQm90dG9tIjowLjB9LCJCYWNrZ3JvdW5kIjp7IiRpZCI6IjE4MCIsIkNvbG9yIjp7IiRpZCI6IjE4MSIsIkEiOjI1NSwiUiI6MCwiRyI6MCwiQiI6MH1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iLCJGb3JtYXQiOjAsIklzVmlzaWJsZSI6ZmFsc2UsIkxhc3RLbm93blZpc2liaWxpdHlTdGF0ZSI6ZmFsc2V9LCJJc1Zpc2libGUiOnRydWUsIlBhcmVudFN0eWxlIjpudWxsLCJfZXhwbGljaXRseVNldCI6eyIkaWQiOiIxOTQ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k0LCJHIjo5NCwiQiI6OTR9fSwiTWF4V2lkdGgiOjIwMC4wLCJNYXhIZWlnaHQiOiJJbmZpbml0eSIsIlNtYXJ0Rm9yZWdyb3VuZElzQWN0aXZlIjpmYWxzZSwiSG9yaXpvbnRhbEFsaWdubWVudCI6MSwiVmVydGljYWxBbGlnbm1lbnQiOjE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zMTEiLCJUb3AiOjAuMCwiTGVmdCI6MC4wLCJSaWdodCI6MC4wLCJCb3R0b20iOjAuMH0sIlBhZGRpbmciOnsiJGlkIjoiMzEyIiwiVG9wIjowLjAsIkxlZnQiOjAuMCwiUmlnaHQiOjAuMCwiQm90dG9tIjowLjB9LCJCYWNrZ3JvdW5kIjp7IiRpZCI6IjMxMyIsIkNvbG9yIjp7IiRpZCI6IjMxNCIsIkEiOjAsIlIiOjI1NSwiRyI6MjU1LCJCIjoyNTV9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pZCI6IjM1NCIsIkEiOjAsIlIiOjI1NSwiRyI6MjU1LCJCIjoyNTV9fSwiSXNWaXNpYmxlIjp0cnVlLCJXaWR0aCI6MC4wLCJIZWlnaHQiOjAuMCwiQm9yZGVyU3R5bGUiOnsiJGlkIjoiMzU1IiwiTGluZUNvbG9yIjpudWxsLCJMaW5lV2VpZ2h0IjowLjAsIkxpbmVUeXBlIjowLCJQYXJlbnRTdHlsZSI6bnVsbH0sIlBhcmVudFN0eWxlIjpudWxsfSwiRGF0ZUZvcm1hdCI6eyIkaWQiOiIz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I1NSwiUiI6MTY2LCJHIjoxODMsIkIiOjM5fX0sIklzVmlzaWJsZSI6dHJ1ZSwiV2lkdGgiOjAuMCwiSGVpZ2h0IjowLjAsIkJvcmRlclN0eWxlIjp7IiRpZCI6IjQwNyIsIkxpbmVDb2xvciI6eyIkaWQiOiI0MDgiLCIkdHlwZSI6Ik5MUkUuQ29tbW9uLkRvbS5Tb2xpZENvbG9yQnJ1c2gsIE5MUkUuQ29tbW9uIiwiQ29sb3IiOnsiJGlkIjoiNDA5IiwiQSI6MjU1LCJSIjoyNTUsIkciOjI1NSwiQiI6MjU1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jgiLCJUb3AiOjAuMCwiTGVmdCI6MC4wLCJSaWdodCI6MC4wLCJCb3R0b20iOjAuMH0sIlBhZGRpbmciOnsiJGlkIjoiNDY5IiwiVG9wIjowLjAsIkxlZnQiOjAuMCwiUmlnaHQiOjAuMCwiQm90dG9tIjowLjB9LCJCYWNrZ3JvdW5kIjp7IiRpZCI6IjQ3MCIsIkNvbG9yIjp7IiRpZCI6IjQ3MSIsIkEiOjI1NSwiUiI6MCwiRyI6MCwiQiI6MH1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MiLCJGb3JtYXQiOjAsIklzVmlzaWJsZSI6ZmFsc2UsIkxhc3RLbm93blZpc2liaWxpdHlTdGF0ZSI6ZmFsc2V9LCJJc1Zpc2libGUiOnRydWUsIlBhcmVudFN0eWxlIjpudWxsLCJfZXhwbGljaXRseVNldCI6eyIkaWQiOiI0ODQ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5NCwiRyI6OTQsIkIiOjk0fX0sIk1heFdpZHRoIjoyMDAuMCwiTWF4SGVpZ2h0IjoiSW5maW5pdHkiLCJTbWFydEZvcmVncm91bmRJc0FjdGl2ZSI6ZmFsc2UsIkhvcml6b250YWxBbGlnbm1lbnQiOjEsIlZlcnRpY2FsQWxpZ25tZW50Ijox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MyIsIkZvcm1hdCI6MCwiSXNWaXNpYmxlIjpmYWxzZSwiTGFzdEtub3duVmlzaWJpbGl0eVN0YXRlIjpmYWxzZX0sIklzVmlzaWJsZSI6dHJ1ZSwiUGFyZW50U3R5bGUiOm51bGwsIl9leHBsaWNpdGx5U2V0Ijp7IiRpZCI6Ijc3NC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ODIyIiwiVG9wIjowLjAsIkxlZnQiOjAuMCwiUmlnaHQiOjAuMCwiQm90dG9tIjowLjB9LCJQYWRkaW5nIjp7IiRpZCI6IjgyMyIsIlRvcCI6MC4wLCJMZWZ0IjowLjAsIlJpZ2h0IjowLjAsIkJvdHRvbSI6MC4wfSwiQmFja2dyb3VuZCI6eyIkaWQiOiI4MjQiLCJDb2xvciI6eyIkaWQiOiI4MjUiLCJBIjoyNTUsIlIiOjAsIkciOjAsIkIiOjB9fSwiSXNWaXNpYmxlIjp0cnVlLCJXaWR0aCI6MC4wLCJIZWlnaHQiOjAuMCwiQm9yZGVyU3R5bGUiOnsiJGlkIjoiODI2IiwiTGluZUNvbG9yIjpudWxsLCJMaW5lV2VpZ2h0IjowLjAsIkxpbmVUeXBlIjowLCJQYXJlbnRTdHlsZSI6bnVsbH0sIlBhcmVudFN0eWxlIjpudWxsfSwiRGF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k0LCJHIjo5NCwiQiI6OTR9fSwiTWF4V2lkdGgiOjIwMC4wLCJNYXhIZWlnaHQiOiJJbmZpbml0eSIsIlNtYXJ0Rm9yZWdyb3VuZElzQWN0aXZlIjpmYWxzZSwiSG9yaXpvbnRhbEFsaWdubWVudCI6MCwiVmVydGljYWxBbGlnbm1lbnQiOjE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yNTUsIlIiOjk0LCJHIjo5NCwiQiI6OTR9fSwiSXNWaXNpYmxlIjp0cnVlLCJXaWR0aCI6MC4wLCJIZWlnaHQiOjAuMCwiQm9yZGVyU3R5bGUiOnsiJGlkIjoiODM1IiwiTGluZUNvbG9yIjpudWxsLCJMaW5lV2VpZ2h0IjowLjAsIkxpbmVUeXBlIjowLCJQYXJlbnRTdHlsZSI6bnVsbH0sIlBhcmVudFN0eWxlIjpudWxsfSwiRGF0ZUZvcm1hdCI6eyIkaWQiOiI4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MiLCJGb3JtYXQiOjAsIklzVmlzaWJsZSI6ZmFsc2UsIkxhc3RLbm93blZpc2liaWxpdHlTdGF0ZSI6ZmFsc2V9LCJJc1Zpc2libGUiOnRydWUsIlBhcmVudFN0eWxlIjpudWxsLCJfZXhwbGljaXRseVNldCI6eyIkaWQiOiIxMDY0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AwIiwiRm9ybWF0IjowLCJJc1Zpc2libGUiOmZhbHNlLCJMYXN0S25vd25WaXNpYmlsaXR5U3RhdGUiOmZhbHNlfSwiSXNWaXNpYmxlIjp0cnVlLCJQYXJlbnRTdHlsZSI6bnVsbCwiX2V4cGxpY2l0bHlTZXQiOnsiJGlkIjoiMTQwMS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E5IiwiRm9ybWF0IjowLCJJc1Zpc2libGUiOmZhbHNlLCJMYXN0S25vd25WaXNpYmlsaXR5U3RhdGUiOmZhbHNlfSwiSXNWaXNpYmxlIjp0cnVlLCJQYXJlbnRTdHlsZSI6bnVsbCwiX2V4cGxpY2l0bHlTZXQiOnsiJGlkIjoiMTUyM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5NCwiRyI6OTQsIkIiOjk0fX0sIklzVmlzaWJsZSI6dHJ1ZSwiV2lkdGgiOjAuMCwiSGVpZ2h0IjowLjAsIkJvcmRlclN0eWxlIjp7IiRpZCI6IjE5NjEiLCJMaW5lQ29sb3IiOm51bGwsIkxpbmVXZWlnaHQiOjAuMCwiTGluZVR5cGUiOjAsIlBhcmVudFN0eWxlIjpudWxsfSwiUGFyZW50U3R5bGUiOm51bGx9LCJEYXRlRm9ybWF0Ijp7IiRpZCI6IjE5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g5IiwiRm9ybWF0IjowLCJJc1Zpc2libGUiOmZhbHNlLCJMYXN0S25vd25WaXNpYmlsaXR5U3RhdGUiOmZhbHNlfSwiSXNWaXNpYmxlIjp0cnVlLCJQYXJlbnRTdHlsZSI6bnVsbCwiX2V4cGxpY2l0bHlTZXQiOnsiJGlkIjoiMjA5M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NjYsXCJHXCI6MTgzLFwiQlwiOjM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Y2LFwiR1wiOjE4MyxcIkJcIjoz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mZhbHNlfSxcIlNjYWxlU3R5bGVcIjp7XCIkaWRcIjpcIjIzXCIsXCJTaG93U2VnbWVudFNlcGFyYXRvcnNcIjp0cnVlLFwiU2VnbWVudFNlcGFyYXRvck9wYWNpdHlcIjozMCxcIlNoYXBlXCI6N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IxLFwiR1wiOjIyMSxcIkJcIjoyMjF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xMC4wLFwiUmlnaHRcIjoxMC4wLFwiQm90dG9tXCI6MC4wfSxcIkJhY2tncm91bmRcIjp7XCIkaWRcIjpcIjMxXCIsXCJDb2xvclwiOntcIiRpZFwiOlwiMzJcIixcIkFcIjoyNTUsXCJSXCI6OTQsXCJHXCI6OTQsXCJCXCI6OTR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I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5NCxcIkdcIjo5NCxcIkJcIjo5NH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RcIixcIkZvcm1hdFwiOjAsXCJJc1Zpc2libGVcIjpmYWxzZSxcIkxhc3RLbm93blZpc2liaWxpdHlTdGF0ZVwiOmZhbHNlfX0sXCJNb3RTdHlsZVwiOntcIiRpZFwiOlwiMTE1XCIsXCJTaGFwZVwiOjE0LFwiU2hhcGVTaXplXCI6MSxcIkRldGFpbHNTcGFjaW5nXCI6MC4wLFwiUGFkZGluZ1wiOntcIiRpZFwiOlwiMTE2XCIsXCJUb3BcIjo1LjAsXCJMZWZ0XCI6My4wLFwiUmlnaHRcIjowLjAsXCJCb3R0b21cIjoyLjB9LFwiUG9zaXRpb25PblRhc2tcIjoxLFwiU2hhcGVTdHlsZVwiOntcIiRpZFwiOlwiMTE3XCI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Y1LFwiR1wiOjEzOCxcIkJcIjoxNzl9fSxcIklzVmlzaWJsZVwiOnRydWUsXCJXaWR0aFwiOjAuMCxcIkhlaWdodFwiOjAuMCxcIkJvcmRlclN0eWxlXCI6e1wiJGlkXCI6XCIxNzFcIixcIkxpbmVTdHlsZVwiOntcIiRpZFwiOlwiMTcyXCIsXCJMaW5lQ29sb3JcIjp7XCIkaWRcIjpcIjE3M1wiLFwiQ29sb3JcIjp7XCIkaWRcIjpcIjE3NFwiLFwiQVwiOjI1NSxcIlJcIjoyNTUsXCJHXCI6MCxcIkJcIjowfX0sXCJMaW5lV2VpZ2h0XCI6MC4wLFwiTGluZVR5cGVcIjowfSxcIklzVmlzaWJsZVwiOmZhbHNlfX19LFwiQmFja2dyb3VuZF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NTEsXCJSXCI6MjAwLFwiR1wiOjIwMCxcIkJcIjoyMDB9fSxcIklzVmlzaWJsZVwiOnRydWUsXCJXaWR0aFwiOjAuMCxcIkhlaWdodFwiO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1XCIsXCJGb3JtYXRcIjowLFwiSXNWaXNpYmxlXCI6ZmFsc2UsXCJMYXN0S25vd25WaXNpYmlsaXR5U3RhdGVcIjpmYWxzZX19LFwiRGVmYXVsdFN3aW1sYW5lTW90U3R5bGVcIjp7XCIkaWRcIjpcIjI0NlwiLFwiU2hhcGVcIjoxNyxcIlNoYXBlU2l6ZVwiOjAsXCJEZXRhaWxzU3BhY2luZ1wiOjAuMCxcIlBhZGRpbmdcIjp7XCIkaWRcIjpcIjI0N1wiLFwiVG9wXCI6NS4wLFwiTGVmdFwiOjMuMCxcIlJpZ2h0XCI6MC4wLFwiQm90dG9tXCI6Mi4wfSxcIlBvc2l0aW9uT25UYXNrXCI6MSxcIlNoYXB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U0MSIsIlVzZVRpbWUiOmZhbHNlLCJXb3JrRGF5U3RhcnQiOiIwMDowMDowMCIsIldvcmtEYXlFbmQiOiIyMzo1OTowMCJ9LCJMYXN0VXNlZFRlbXBsYXRlSWQiOiIwMDAwMDAwMC0wMDAwLTAwMDAtMDAwMC0wMDAwMDAwMDAwMDAiLCJMYXN0VXNlZFRoZW1lRGV0YWlscyI6eyIkaWQiOiIyNTQyIiwiSWQiOiJkYjkxYjUwOC05MTdkLTQ2MTMtOTNjMy01ZTI0YmI3MjI5ZTgiLCJUaXRsZSI6Ik9yYml0IiwiQ2F0ZWdvcnkiOjF9LCJGaXJzdFdlZWtPZlllYXIiOjAsIlBsYWNlTWlsZXN0b25lQXRUaGVCZWdpbm5pbmdPZlRoZURheSI6ZmFsc2UsIkRlcGVuZGVuY3lTY2hlZHVsaW5nU2V0dGluZ3MiOnsiJGlkIjoiMjU0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1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5-11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146.518682688053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7T00:00:00.0000000"/>
  <p:tag name="OTLENDDATE" val="2025-10-13T23:59:00.0000000"/>
  <p:tag name="OTLBASELINESTARTDATE" val="2025-10-07T00:00:00.0000000"/>
  <p:tag name="OTLBASELINEENDDATE" val="2025-10-13T23:59:00.0000000"/>
  <p:tag name="OTLDURATIONFORMAT" val="day"/>
  <p:tag name="OTLSPACING" val="3"/>
  <p:tag name="OTLSHAPETHICKNESSTYPE" val="Thin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14T00:00:00.0000000"/>
  <p:tag name="OTLENDDATE" val="2025-10-20T23:59:00.0000000"/>
  <p:tag name="OTLBASELINESTARTDATE" val="2025-10-14T00:00:00.0000000"/>
  <p:tag name="OTLBASELINEENDDATE" val="2025-10-20T23:59:00.0000000"/>
  <p:tag name="OTLDURATIONFORMAT" val="day"/>
  <p:tag name="OTLSPACING" val="3"/>
  <p:tag name="OTLSHAPETHICKNESSTYPE" val="Thin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1T00:00:00.0000000"/>
  <p:tag name="OTLENDDATE" val="2025-10-27T23:59:00.0000000"/>
  <p:tag name="OTLBASELINESTARTDATE" val="2025-10-21T00:00:00.0000000"/>
  <p:tag name="OTLBASELINEENDDATE" val="2025-10-27T23:59:00.0000000"/>
  <p:tag name="OTLDURATIONFORMAT" val="day"/>
  <p:tag name="OTLSPACING" val="3"/>
  <p:tag name="OTLSHAPETHICKNESSTYPE" val="Thin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8T00:00:00.0000000"/>
  <p:tag name="OTLENDDATE" val="2025-11-07T23:59:00.0000000"/>
  <p:tag name="OTLBASELINESTARTDATE" val="2025-10-28T00:00:00.0000000"/>
  <p:tag name="OTLBASELINEENDDATE" val="2025-11-07T23:59:00.0000000"/>
  <p:tag name="OTLDURATIONFORMAT" val="day"/>
  <p:tag name="OTLSPACING" val="3"/>
  <p:tag name="OTLSHAPETHICKNESSTYPE" val="Thin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"/>
  <p:tag name="OTLDATE" val="2025-11-07T23:59:00.0000000"/>
  <p:tag name="OTLBASELINEDATE" val="2025-10-13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14.3999996185303"/>
  <p:tag name="OTLTIMEBANDSHAPEPADDINGLEFT" val="1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5-11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146.518682688053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cceb45f-87fc-4fdb-a469-27b43c0479c1"/>
  <p:tag name="OTLDEPDESTINATIONID" val="fd15cd9d-14bc-47cf-89e0-f59fbf75db58"/>
  <p:tag name="OTLDEPENDENCYLAGUNIT" val="Undefined"/>
  <p:tag name="OTLDEPENDENCYLAGVALUE" val="0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1efdd20-12e0-488a-a320-e5cf55452c64"/>
  <p:tag name="OTLDEPDESTINATIONID" val="8cceb45f-87fc-4fdb-a469-27b43c0479c1"/>
  <p:tag name="OTLDEPENDENCYLAGUNIT" val="Undefined"/>
  <p:tag name="OTLDEPENDENCYLAGVALUE" val="0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cb0f90f-9433-467d-a650-19c70cf3d7ec"/>
  <p:tag name="OTLDEPDESTINATIONID" val="61efdd20-12e0-488a-a320-e5cf55452c64"/>
  <p:tag name="OTLDEPENDENCYLAGUNIT" val="Undefined"/>
  <p:tag name="OTLDEPENDENCYLAGVALUE" val="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14.3999996185303"/>
  <p:tag name="OTLTIMEBANDSHAPEPADDINGLEFT" val="1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5-11-07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146.518682688053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7T00:00:00.0000000Z"/>
  <p:tag name="OTLENDDATE" val="2025-10-13T23:59:00.0000000Z"/>
  <p:tag name="OTLBASELINESTARTDATE" val="2025-10-07T00:00:00.0000000"/>
  <p:tag name="OTLBASELINEENDDATE" val="2025-10-13T23:59:00.0000000"/>
  <p:tag name="OTLDURATIONFORMAT" val="w"/>
  <p:tag name="OTLSPACING" val="3"/>
  <p:tag name="OTLSHAPETHICKNESSTYPE" val="Thin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14T00:00:00.0000000Z"/>
  <p:tag name="OTLENDDATE" val="2025-10-20T23:59:00.0000000Z"/>
  <p:tag name="OTLDURATIONFORMAT" val="w"/>
  <p:tag name="OTLSPACING" val="3"/>
  <p:tag name="OTLSHAPETHICKNESSTYPE" val="Thin"/>
  <p:tag name="OTLBASELINESTARTDATE" val="2025-10-14T00:00:00.0000000"/>
  <p:tag name="OTLBASELINEENDDATE" val="2025-10-20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1T00:00:00.0000000Z"/>
  <p:tag name="OTLENDDATE" val="2025-10-27T23:59:00.0000000Z"/>
  <p:tag name="OTLDURATIONFORMAT" val="w"/>
  <p:tag name="OTLSPACING" val="3"/>
  <p:tag name="OTLSHAPETHICKNESSTYPE" val="Thin"/>
  <p:tag name="OTLBASELINESTARTDATE" val="2025-10-21T00:00:00.0000000"/>
  <p:tag name="OTLBASELINEENDDATE" val="2025-10-27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8T00:00:00.0000000Z"/>
  <p:tag name="OTLENDDATE" val="2025-11-07T23:59:00.0000000Z"/>
  <p:tag name="OTLDURATIONFORMAT" val="w"/>
  <p:tag name="OTLSPACING" val="3"/>
  <p:tag name="OTLSHAPETHICKNESSTYPE" val="Thin"/>
  <p:tag name="OTLBASELINESTARTDATE" val="2025-10-28T00:00:00.0000000"/>
  <p:tag name="OTLBASELINEENDDATE" val="2025-11-07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8</TotalTime>
  <Words>175</Words>
  <Application>Microsoft Office PowerPoint</Application>
  <PresentationFormat>Panorámica</PresentationFormat>
  <Paragraphs>70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6" baseType="lpstr">
      <vt:lpstr>Aptos</vt:lpstr>
      <vt:lpstr>Aptos Display</vt:lpstr>
      <vt:lpstr>Arial</vt:lpstr>
      <vt:lpstr>Calibri</vt:lpstr>
      <vt:lpstr>Tema de Office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jhon diaz</dc:creator>
  <cp:lastModifiedBy>jhon diaz</cp:lastModifiedBy>
  <cp:revision>1</cp:revision>
  <dcterms:created xsi:type="dcterms:W3CDTF">2025-10-08T20:15:39Z</dcterms:created>
  <dcterms:modified xsi:type="dcterms:W3CDTF">2025-10-08T20:54:21Z</dcterms:modified>
</cp:coreProperties>
</file>